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05DD009C-A595-4168-89E1-C7FBD09E1DD0}" xr6:coauthVersionLast="47" xr6:coauthVersionMax="47" xr10:uidLastSave="{00000000-0000-0000-0000-000000000000}"/>
  <bookViews>
    <workbookView xWindow="5175" yWindow="-16320" windowWidth="29040" windowHeight="15720" xr2:uid="{65569D58-C1A7-49D6-9E00-306EB9065A20}"/>
  </bookViews>
  <sheets>
    <sheet name="sheet8-4" sheetId="1" r:id="rId1"/>
  </sheets>
  <externalReferences>
    <externalReference r:id="rId2"/>
  </externalReferences>
  <definedNames>
    <definedName name="_xlnm.Print_Area" localSheetId="0">'sheet8-4'!$A$7:$AC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C33" i="1" l="1"/>
  <c r="AB33" i="1"/>
  <c r="AA33" i="1"/>
  <c r="Z33" i="1"/>
  <c r="Y33" i="1"/>
  <c r="X33" i="1"/>
  <c r="U33" i="1"/>
  <c r="T33" i="1"/>
  <c r="S33" i="1"/>
  <c r="R33" i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AC32" i="1"/>
  <c r="AB32" i="1"/>
  <c r="AA32" i="1"/>
  <c r="Z32" i="1"/>
  <c r="Y32" i="1"/>
  <c r="X32" i="1"/>
  <c r="U32" i="1"/>
  <c r="T32" i="1"/>
  <c r="S32" i="1"/>
  <c r="R32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C32" i="1"/>
  <c r="AC31" i="1"/>
  <c r="AB31" i="1"/>
  <c r="AA31" i="1"/>
  <c r="Z31" i="1"/>
  <c r="Y31" i="1"/>
  <c r="X31" i="1"/>
  <c r="U31" i="1"/>
  <c r="T31" i="1"/>
  <c r="S31" i="1"/>
  <c r="R31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AC30" i="1"/>
  <c r="AB30" i="1"/>
  <c r="AA30" i="1"/>
  <c r="Z30" i="1"/>
  <c r="Y30" i="1"/>
  <c r="X30" i="1"/>
  <c r="U30" i="1"/>
  <c r="T30" i="1"/>
  <c r="S30" i="1"/>
  <c r="R30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  <c r="AC29" i="1"/>
  <c r="AB29" i="1"/>
  <c r="AA29" i="1"/>
  <c r="Z29" i="1"/>
  <c r="Y29" i="1"/>
  <c r="X29" i="1"/>
  <c r="U29" i="1"/>
  <c r="T29" i="1"/>
  <c r="S29" i="1"/>
  <c r="R29" i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D29" i="1"/>
  <c r="C29" i="1"/>
  <c r="AC28" i="1"/>
  <c r="AB28" i="1"/>
  <c r="AA28" i="1"/>
  <c r="Z28" i="1"/>
  <c r="Y28" i="1"/>
  <c r="X28" i="1"/>
  <c r="U28" i="1"/>
  <c r="T28" i="1"/>
  <c r="S28" i="1"/>
  <c r="R28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D28" i="1"/>
  <c r="C28" i="1"/>
  <c r="AC27" i="1"/>
  <c r="AB27" i="1"/>
  <c r="AA27" i="1"/>
  <c r="Z27" i="1"/>
  <c r="Y27" i="1"/>
  <c r="X27" i="1"/>
  <c r="U27" i="1"/>
  <c r="T27" i="1"/>
  <c r="S27" i="1"/>
  <c r="R27" i="1"/>
  <c r="Q27" i="1"/>
  <c r="P27" i="1"/>
  <c r="O27" i="1"/>
  <c r="N27" i="1"/>
  <c r="M27" i="1"/>
  <c r="L27" i="1"/>
  <c r="K27" i="1"/>
  <c r="J27" i="1"/>
  <c r="I27" i="1"/>
  <c r="H27" i="1"/>
  <c r="G27" i="1"/>
  <c r="F27" i="1"/>
  <c r="E27" i="1"/>
  <c r="D27" i="1"/>
  <c r="C27" i="1"/>
  <c r="AC26" i="1"/>
  <c r="AB26" i="1"/>
  <c r="AA26" i="1"/>
  <c r="Z26" i="1"/>
  <c r="Y26" i="1"/>
  <c r="X26" i="1"/>
  <c r="U26" i="1"/>
  <c r="T26" i="1"/>
  <c r="S26" i="1"/>
  <c r="R26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D26" i="1"/>
  <c r="C26" i="1"/>
  <c r="AC25" i="1"/>
  <c r="AB25" i="1"/>
  <c r="AA25" i="1"/>
  <c r="Z25" i="1"/>
  <c r="Y25" i="1"/>
  <c r="X25" i="1"/>
  <c r="U25" i="1"/>
  <c r="T25" i="1"/>
  <c r="S25" i="1"/>
  <c r="R25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D25" i="1"/>
  <c r="C25" i="1"/>
  <c r="AC24" i="1"/>
  <c r="AB24" i="1"/>
  <c r="AA24" i="1"/>
  <c r="Z24" i="1"/>
  <c r="Y24" i="1"/>
  <c r="X24" i="1"/>
  <c r="U24" i="1"/>
  <c r="T24" i="1"/>
  <c r="S24" i="1"/>
  <c r="R24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D24" i="1"/>
  <c r="C24" i="1"/>
  <c r="AC23" i="1"/>
  <c r="AB23" i="1"/>
  <c r="AA23" i="1"/>
  <c r="Z23" i="1"/>
  <c r="Y23" i="1"/>
  <c r="X23" i="1"/>
  <c r="U23" i="1"/>
  <c r="T23" i="1"/>
  <c r="S23" i="1"/>
  <c r="R23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D23" i="1"/>
  <c r="C23" i="1"/>
  <c r="AC22" i="1"/>
  <c r="AB22" i="1"/>
  <c r="AA22" i="1"/>
  <c r="Z22" i="1"/>
  <c r="Y22" i="1"/>
  <c r="X22" i="1"/>
  <c r="U22" i="1"/>
  <c r="T22" i="1"/>
  <c r="S22" i="1"/>
  <c r="R22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AC21" i="1"/>
  <c r="AB21" i="1"/>
  <c r="AA21" i="1"/>
  <c r="Z21" i="1"/>
  <c r="Y21" i="1"/>
  <c r="X21" i="1"/>
  <c r="U21" i="1"/>
  <c r="T21" i="1"/>
  <c r="S21" i="1"/>
  <c r="R21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AC20" i="1"/>
  <c r="AB20" i="1"/>
  <c r="AA20" i="1"/>
  <c r="Z20" i="1"/>
  <c r="Y20" i="1"/>
  <c r="X20" i="1"/>
  <c r="U20" i="1"/>
  <c r="T20" i="1"/>
  <c r="S20" i="1"/>
  <c r="R20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AC19" i="1"/>
  <c r="AB19" i="1"/>
  <c r="AA19" i="1"/>
  <c r="Z19" i="1"/>
  <c r="Y19" i="1"/>
  <c r="X19" i="1"/>
  <c r="U19" i="1"/>
  <c r="T19" i="1"/>
  <c r="S19" i="1"/>
  <c r="R19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AC18" i="1"/>
  <c r="AB18" i="1"/>
  <c r="AA18" i="1"/>
  <c r="Z18" i="1"/>
  <c r="Y18" i="1"/>
  <c r="X18" i="1"/>
  <c r="U18" i="1"/>
  <c r="T18" i="1"/>
  <c r="S18" i="1"/>
  <c r="R18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D18" i="1"/>
  <c r="C18" i="1"/>
  <c r="AC17" i="1"/>
  <c r="AB17" i="1"/>
  <c r="AA17" i="1"/>
  <c r="Z17" i="1"/>
  <c r="Y17" i="1"/>
  <c r="X17" i="1"/>
  <c r="U17" i="1"/>
  <c r="T17" i="1"/>
  <c r="S17" i="1"/>
  <c r="R17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AC16" i="1"/>
  <c r="AB16" i="1"/>
  <c r="AA16" i="1"/>
  <c r="Z16" i="1"/>
  <c r="Y16" i="1"/>
  <c r="X16" i="1"/>
  <c r="U16" i="1"/>
  <c r="T16" i="1"/>
  <c r="S16" i="1"/>
  <c r="R16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D16" i="1"/>
  <c r="C16" i="1"/>
  <c r="AC15" i="1"/>
  <c r="AB15" i="1"/>
  <c r="AA15" i="1"/>
  <c r="Z15" i="1"/>
  <c r="Y15" i="1"/>
  <c r="X15" i="1"/>
  <c r="U15" i="1"/>
  <c r="T15" i="1"/>
  <c r="S15" i="1"/>
  <c r="R15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D15" i="1"/>
  <c r="C15" i="1"/>
  <c r="AC13" i="1"/>
  <c r="AB13" i="1"/>
  <c r="AA13" i="1"/>
  <c r="Z13" i="1"/>
  <c r="Y13" i="1"/>
  <c r="U13" i="1"/>
  <c r="T13" i="1"/>
  <c r="S13" i="1"/>
  <c r="R13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AC12" i="1"/>
  <c r="AB12" i="1"/>
  <c r="AA12" i="1"/>
  <c r="Z12" i="1"/>
  <c r="Y12" i="1"/>
  <c r="U12" i="1"/>
  <c r="T12" i="1"/>
  <c r="S12" i="1"/>
  <c r="R12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</calcChain>
</file>

<file path=xl/sharedStrings.xml><?xml version="1.0" encoding="utf-8"?>
<sst xmlns="http://schemas.openxmlformats.org/spreadsheetml/2006/main" count="235" uniqueCount="83">
  <si>
    <t>第８表　保険者別保険給付状況（退職被保険者等分）（その３）</t>
    <phoneticPr fontId="3"/>
  </si>
  <si>
    <t>第８表　保険者別保険給付状況（退職被保険者等分）（その４）</t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15" eb="17">
      <t>タイショク</t>
    </rPh>
    <rPh sb="17" eb="18">
      <t>ヒ</t>
    </rPh>
    <rPh sb="18" eb="20">
      <t>ホケン</t>
    </rPh>
    <rPh sb="20" eb="21">
      <t>シャ</t>
    </rPh>
    <rPh sb="21" eb="22">
      <t>トウ</t>
    </rPh>
    <rPh sb="22" eb="23">
      <t>ブン</t>
    </rPh>
    <phoneticPr fontId="3"/>
  </si>
  <si>
    <t>療養費等</t>
    <phoneticPr fontId="3"/>
  </si>
  <si>
    <t>療養諸費合計</t>
    <rPh sb="2" eb="3">
      <t>ショ</t>
    </rPh>
    <phoneticPr fontId="3"/>
  </si>
  <si>
    <t>１人当たり</t>
  </si>
  <si>
    <t>療養諸費負担区分</t>
    <phoneticPr fontId="3"/>
  </si>
  <si>
    <t>高額療養費</t>
  </si>
  <si>
    <t>食事・生活</t>
    <rPh sb="3" eb="5">
      <t>セイカツ</t>
    </rPh>
    <phoneticPr fontId="3"/>
  </si>
  <si>
    <t>診療費</t>
  </si>
  <si>
    <t>補装具</t>
    <rPh sb="0" eb="3">
      <t>ホソウグ</t>
    </rPh>
    <phoneticPr fontId="4"/>
  </si>
  <si>
    <t>柔道整復師</t>
    <rPh sb="0" eb="2">
      <t>ジュウドウ</t>
    </rPh>
    <rPh sb="2" eb="4">
      <t>セイフク</t>
    </rPh>
    <rPh sb="4" eb="5">
      <t>シ</t>
    </rPh>
    <phoneticPr fontId="4"/>
  </si>
  <si>
    <t>アンマ・マッサージ</t>
    <phoneticPr fontId="4"/>
  </si>
  <si>
    <t>ハリ・キュウ</t>
    <phoneticPr fontId="4"/>
  </si>
  <si>
    <t>その他</t>
  </si>
  <si>
    <t>計</t>
  </si>
  <si>
    <t>移送費</t>
  </si>
  <si>
    <t>療養諸費</t>
    <rPh sb="0" eb="2">
      <t>リョウヨウ</t>
    </rPh>
    <phoneticPr fontId="3"/>
  </si>
  <si>
    <t>保険者負担</t>
  </si>
  <si>
    <t>一部負担金</t>
  </si>
  <si>
    <t>総計</t>
  </si>
  <si>
    <t>件数</t>
  </si>
  <si>
    <t>費用額</t>
  </si>
  <si>
    <t>件数</t>
    <rPh sb="0" eb="2">
      <t>ケンスウ</t>
    </rPh>
    <phoneticPr fontId="4"/>
  </si>
  <si>
    <t>費用額</t>
    <rPh sb="0" eb="3">
      <t>ヒヨウガク</t>
    </rPh>
    <phoneticPr fontId="4"/>
  </si>
  <si>
    <t>国保優先</t>
  </si>
  <si>
    <t>高額療養費</t>
    <rPh sb="0" eb="2">
      <t>コウガク</t>
    </rPh>
    <rPh sb="2" eb="5">
      <t>リョウヨウヒ</t>
    </rPh>
    <phoneticPr fontId="3"/>
  </si>
  <si>
    <t>F#109</t>
  </si>
  <si>
    <t>F#7</t>
  </si>
  <si>
    <t>F#8</t>
  </si>
  <si>
    <t>F#540</t>
    <phoneticPr fontId="3"/>
  </si>
  <si>
    <t>F#541</t>
    <phoneticPr fontId="3"/>
  </si>
  <si>
    <t>F#545</t>
    <phoneticPr fontId="3"/>
  </si>
  <si>
    <t>F#546</t>
  </si>
  <si>
    <t>F#550</t>
    <phoneticPr fontId="3"/>
  </si>
  <si>
    <t>F#551</t>
  </si>
  <si>
    <t>F#555</t>
    <phoneticPr fontId="3"/>
  </si>
  <si>
    <t>F#556</t>
  </si>
  <si>
    <t>F#13</t>
  </si>
  <si>
    <t>F#14</t>
  </si>
  <si>
    <t>F#19</t>
  </si>
  <si>
    <t>F#20</t>
  </si>
  <si>
    <t>F#114</t>
  </si>
  <si>
    <t>F#115</t>
  </si>
  <si>
    <t>F#25</t>
  </si>
  <si>
    <t>F#26</t>
  </si>
  <si>
    <t>F#26/A#63</t>
    <phoneticPr fontId="3"/>
  </si>
  <si>
    <t>F#27</t>
  </si>
  <si>
    <t>F#28</t>
  </si>
  <si>
    <t>F#30</t>
  </si>
  <si>
    <t>F#36</t>
  </si>
  <si>
    <t>F#48</t>
  </si>
  <si>
    <t>第８表　保険者別保険給付状況（退職被保険者等分）（その３）</t>
    <rPh sb="4" eb="7">
      <t>ホケンシャ</t>
    </rPh>
    <rPh sb="7" eb="8">
      <t>ベツ</t>
    </rPh>
    <rPh sb="8" eb="10">
      <t>ホケン</t>
    </rPh>
    <rPh sb="10" eb="12">
      <t>キュウフ</t>
    </rPh>
    <rPh sb="12" eb="14">
      <t>ジョウキョウ</t>
    </rPh>
    <rPh sb="15" eb="17">
      <t>タイショク</t>
    </rPh>
    <rPh sb="17" eb="18">
      <t>ヒ</t>
    </rPh>
    <rPh sb="18" eb="20">
      <t>ホケン</t>
    </rPh>
    <rPh sb="20" eb="21">
      <t>シャ</t>
    </rPh>
    <rPh sb="21" eb="22">
      <t>トウ</t>
    </rPh>
    <rPh sb="22" eb="23">
      <t>ブン</t>
    </rPh>
    <phoneticPr fontId="3"/>
  </si>
  <si>
    <t>番
号</t>
    <rPh sb="0" eb="1">
      <t>バン</t>
    </rPh>
    <rPh sb="2" eb="3">
      <t>ゴウ</t>
    </rPh>
    <phoneticPr fontId="3"/>
  </si>
  <si>
    <t>保険者名</t>
    <rPh sb="0" eb="3">
      <t>ホケンシャ</t>
    </rPh>
    <rPh sb="3" eb="4">
      <t>メイ</t>
    </rPh>
    <phoneticPr fontId="3"/>
  </si>
  <si>
    <t>保険者負担分</t>
    <rPh sb="5" eb="6">
      <t>ブン</t>
    </rPh>
    <phoneticPr fontId="3"/>
  </si>
  <si>
    <t>他法負担分</t>
    <rPh sb="0" eb="1">
      <t>タ</t>
    </rPh>
    <rPh sb="1" eb="2">
      <t>ホウ</t>
    </rPh>
    <rPh sb="2" eb="5">
      <t>フタンブン</t>
    </rPh>
    <phoneticPr fontId="3"/>
  </si>
  <si>
    <t>件</t>
    <rPh sb="0" eb="1">
      <t>ケン</t>
    </rPh>
    <phoneticPr fontId="3"/>
  </si>
  <si>
    <t>千円</t>
    <rPh sb="0" eb="2">
      <t>センエン</t>
    </rPh>
    <phoneticPr fontId="3"/>
  </si>
  <si>
    <t>円</t>
    <rPh sb="0" eb="1">
      <t>エン</t>
    </rPh>
    <phoneticPr fontId="3"/>
  </si>
  <si>
    <t>都道府県計</t>
    <rPh sb="0" eb="4">
      <t>トドウフケン</t>
    </rPh>
    <rPh sb="4" eb="5">
      <t>ケイ</t>
    </rPh>
    <phoneticPr fontId="3"/>
  </si>
  <si>
    <t xml:space="preserve"> 市町村計</t>
  </si>
  <si>
    <t>国保組合計</t>
    <rPh sb="0" eb="2">
      <t>コクホ</t>
    </rPh>
    <rPh sb="2" eb="4">
      <t>クミアイ</t>
    </rPh>
    <rPh sb="4" eb="5">
      <t>ケイ</t>
    </rPh>
    <phoneticPr fontId="3"/>
  </si>
  <si>
    <t>－</t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,##0_ "/>
    <numFmt numFmtId="177" formatCode="000"/>
    <numFmt numFmtId="178" formatCode="###,###,##0"/>
    <numFmt numFmtId="179" formatCode="###,###,###,##0"/>
    <numFmt numFmtId="180" formatCode="#,##0;&quot;△ &quot;#,##0"/>
  </numFmts>
  <fonts count="6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56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6" xfId="0" applyFont="1" applyBorder="1" applyAlignment="1">
      <alignment vertical="center"/>
    </xf>
    <xf numFmtId="0" fontId="1" fillId="0" borderId="7" xfId="0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12" xfId="0" applyFont="1" applyBorder="1" applyAlignment="1">
      <alignment vertical="center"/>
    </xf>
    <xf numFmtId="176" fontId="1" fillId="0" borderId="7" xfId="0" applyNumberFormat="1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7" xfId="0" applyFont="1" applyBorder="1" applyAlignment="1">
      <alignment vertical="center"/>
    </xf>
    <xf numFmtId="0" fontId="1" fillId="0" borderId="7" xfId="0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6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5" xfId="0" applyFont="1" applyBorder="1" applyAlignment="1">
      <alignment vertical="center"/>
    </xf>
    <xf numFmtId="0" fontId="1" fillId="0" borderId="6" xfId="0" applyFont="1" applyBorder="1" applyAlignment="1">
      <alignment horizontal="right" vertical="center"/>
    </xf>
    <xf numFmtId="177" fontId="1" fillId="0" borderId="12" xfId="0" applyNumberFormat="1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178" fontId="5" fillId="0" borderId="12" xfId="0" applyNumberFormat="1" applyFont="1" applyBorder="1" applyAlignment="1">
      <alignment horizontal="right" vertical="center"/>
    </xf>
    <xf numFmtId="177" fontId="1" fillId="0" borderId="9" xfId="0" applyNumberFormat="1" applyFont="1" applyBorder="1" applyAlignment="1">
      <alignment horizontal="center" vertical="center"/>
    </xf>
    <xf numFmtId="177" fontId="1" fillId="0" borderId="7" xfId="0" applyNumberFormat="1" applyFont="1" applyBorder="1" applyAlignment="1">
      <alignment horizontal="center" vertical="center"/>
    </xf>
    <xf numFmtId="178" fontId="5" fillId="0" borderId="7" xfId="0" applyNumberFormat="1" applyFont="1" applyBorder="1" applyAlignment="1">
      <alignment horizontal="right" vertical="center"/>
    </xf>
    <xf numFmtId="177" fontId="1" fillId="0" borderId="3" xfId="0" applyNumberFormat="1" applyFont="1" applyBorder="1" applyAlignment="1">
      <alignment horizontal="center" vertical="center"/>
    </xf>
    <xf numFmtId="3" fontId="5" fillId="0" borderId="7" xfId="0" applyNumberFormat="1" applyFont="1" applyBorder="1" applyAlignment="1">
      <alignment horizontal="right" vertical="center"/>
    </xf>
    <xf numFmtId="0" fontId="1" fillId="0" borderId="9" xfId="0" applyFont="1" applyBorder="1" applyAlignment="1">
      <alignment horizontal="left" vertical="center"/>
    </xf>
    <xf numFmtId="180" fontId="5" fillId="0" borderId="12" xfId="0" applyNumberFormat="1" applyFont="1" applyBorder="1" applyAlignment="1">
      <alignment horizontal="right" vertical="center"/>
    </xf>
    <xf numFmtId="0" fontId="1" fillId="0" borderId="3" xfId="0" applyFont="1" applyBorder="1" applyAlignment="1">
      <alignment horizontal="left" vertical="center"/>
    </xf>
    <xf numFmtId="180" fontId="5" fillId="0" borderId="7" xfId="0" applyNumberFormat="1" applyFont="1" applyBorder="1" applyAlignment="1">
      <alignment horizontal="right" vertical="center"/>
    </xf>
    <xf numFmtId="3" fontId="5" fillId="0" borderId="12" xfId="0" applyNumberFormat="1" applyFont="1" applyBorder="1" applyAlignment="1">
      <alignment horizontal="right" vertical="center"/>
    </xf>
    <xf numFmtId="179" fontId="1" fillId="0" borderId="12" xfId="0" applyNumberFormat="1" applyFont="1" applyBorder="1" applyAlignment="1">
      <alignment horizontal="right" vertical="center"/>
    </xf>
    <xf numFmtId="179" fontId="1" fillId="0" borderId="7" xfId="0" applyNumberFormat="1" applyFont="1" applyBorder="1" applyAlignment="1">
      <alignment horizontal="right" vertical="center"/>
    </xf>
    <xf numFmtId="3" fontId="1" fillId="0" borderId="7" xfId="0" applyNumberFormat="1" applyFont="1" applyBorder="1" applyAlignment="1">
      <alignment horizontal="right" vertical="center"/>
    </xf>
    <xf numFmtId="180" fontId="1" fillId="0" borderId="12" xfId="0" applyNumberFormat="1" applyFont="1" applyBorder="1" applyAlignment="1">
      <alignment horizontal="right" vertical="center"/>
    </xf>
    <xf numFmtId="180" fontId="1" fillId="0" borderId="7" xfId="0" applyNumberFormat="1" applyFont="1" applyBorder="1" applyAlignment="1">
      <alignment horizontal="right" vertical="center"/>
    </xf>
    <xf numFmtId="3" fontId="1" fillId="0" borderId="12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8&amp;10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8&amp;10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8-1,8-2"/>
      <sheetName val="8-3,8-4"/>
      <sheetName val="第10表"/>
      <sheetName val="第10表 (#DIV→0に置き換え)"/>
      <sheetName val="第8,10表元データ"/>
    </sheetNames>
    <sheetDataSet>
      <sheetData sheetId="0"/>
      <sheetData sheetId="1"/>
      <sheetData sheetId="2"/>
      <sheetData sheetId="3"/>
      <sheetData sheetId="4">
        <row r="3">
          <cell r="C3">
            <v>0</v>
          </cell>
          <cell r="AX3">
            <v>0</v>
          </cell>
          <cell r="AY3">
            <v>0</v>
          </cell>
          <cell r="AZ3">
            <v>0</v>
          </cell>
          <cell r="BA3">
            <v>0</v>
          </cell>
          <cell r="BB3">
            <v>0</v>
          </cell>
          <cell r="BC3">
            <v>0</v>
          </cell>
          <cell r="BD3">
            <v>0</v>
          </cell>
          <cell r="BE3">
            <v>0</v>
          </cell>
          <cell r="BF3">
            <v>0</v>
          </cell>
          <cell r="BG3">
            <v>0</v>
          </cell>
          <cell r="BH3">
            <v>0</v>
          </cell>
          <cell r="BI3">
            <v>0</v>
          </cell>
          <cell r="BJ3">
            <v>0</v>
          </cell>
          <cell r="BK3">
            <v>0</v>
          </cell>
          <cell r="BL3">
            <v>0</v>
          </cell>
          <cell r="BM3">
            <v>0</v>
          </cell>
          <cell r="BN3">
            <v>0</v>
          </cell>
          <cell r="BO3">
            <v>0</v>
          </cell>
          <cell r="BP3">
            <v>0</v>
          </cell>
          <cell r="BQ3">
            <v>0</v>
          </cell>
          <cell r="BR3">
            <v>0</v>
          </cell>
          <cell r="BS3">
            <v>0</v>
          </cell>
          <cell r="BT3">
            <v>0</v>
          </cell>
          <cell r="BU3">
            <v>0</v>
          </cell>
        </row>
        <row r="4">
          <cell r="C4">
            <v>0</v>
          </cell>
          <cell r="AX4">
            <v>0</v>
          </cell>
          <cell r="AY4">
            <v>0</v>
          </cell>
          <cell r="AZ4">
            <v>0</v>
          </cell>
          <cell r="BA4">
            <v>0</v>
          </cell>
          <cell r="BB4">
            <v>0</v>
          </cell>
          <cell r="BC4">
            <v>0</v>
          </cell>
          <cell r="BD4">
            <v>0</v>
          </cell>
          <cell r="BE4">
            <v>0</v>
          </cell>
          <cell r="BF4">
            <v>0</v>
          </cell>
          <cell r="BG4">
            <v>0</v>
          </cell>
          <cell r="BH4">
            <v>0</v>
          </cell>
          <cell r="BI4">
            <v>0</v>
          </cell>
          <cell r="BJ4">
            <v>0</v>
          </cell>
          <cell r="BK4">
            <v>0</v>
          </cell>
          <cell r="BL4">
            <v>0</v>
          </cell>
          <cell r="BM4">
            <v>0</v>
          </cell>
          <cell r="BN4">
            <v>0</v>
          </cell>
          <cell r="BO4">
            <v>0</v>
          </cell>
          <cell r="BP4">
            <v>0</v>
          </cell>
          <cell r="BQ4">
            <v>0</v>
          </cell>
          <cell r="BR4">
            <v>0</v>
          </cell>
          <cell r="BS4">
            <v>0</v>
          </cell>
          <cell r="BT4">
            <v>0</v>
          </cell>
          <cell r="BU4">
            <v>0</v>
          </cell>
        </row>
        <row r="5">
          <cell r="C5">
            <v>0</v>
          </cell>
          <cell r="AX5">
            <v>0</v>
          </cell>
          <cell r="AY5">
            <v>0</v>
          </cell>
          <cell r="AZ5">
            <v>0</v>
          </cell>
          <cell r="BA5">
            <v>0</v>
          </cell>
          <cell r="BB5">
            <v>0</v>
          </cell>
          <cell r="BC5">
            <v>0</v>
          </cell>
          <cell r="BD5">
            <v>0</v>
          </cell>
          <cell r="BE5">
            <v>0</v>
          </cell>
          <cell r="BF5">
            <v>0</v>
          </cell>
          <cell r="BG5">
            <v>0</v>
          </cell>
          <cell r="BH5">
            <v>0</v>
          </cell>
          <cell r="BI5">
            <v>0</v>
          </cell>
          <cell r="BJ5">
            <v>0</v>
          </cell>
          <cell r="BK5">
            <v>0</v>
          </cell>
          <cell r="BL5">
            <v>0</v>
          </cell>
          <cell r="BM5">
            <v>0</v>
          </cell>
          <cell r="BN5">
            <v>0</v>
          </cell>
          <cell r="BO5">
            <v>0</v>
          </cell>
          <cell r="BP5">
            <v>0</v>
          </cell>
          <cell r="BQ5">
            <v>0</v>
          </cell>
          <cell r="BR5">
            <v>0</v>
          </cell>
          <cell r="BS5">
            <v>0</v>
          </cell>
          <cell r="BT5">
            <v>0</v>
          </cell>
          <cell r="BU5">
            <v>0</v>
          </cell>
        </row>
        <row r="6">
          <cell r="C6">
            <v>0</v>
          </cell>
          <cell r="AX6">
            <v>0</v>
          </cell>
          <cell r="AY6">
            <v>0</v>
          </cell>
          <cell r="AZ6">
            <v>0</v>
          </cell>
          <cell r="BA6">
            <v>0</v>
          </cell>
          <cell r="BB6">
            <v>0</v>
          </cell>
          <cell r="BC6">
            <v>0</v>
          </cell>
          <cell r="BD6">
            <v>0</v>
          </cell>
          <cell r="BE6">
            <v>0</v>
          </cell>
          <cell r="BF6">
            <v>0</v>
          </cell>
          <cell r="BG6">
            <v>0</v>
          </cell>
          <cell r="BH6">
            <v>0</v>
          </cell>
          <cell r="BI6">
            <v>0</v>
          </cell>
          <cell r="BJ6">
            <v>0</v>
          </cell>
          <cell r="BK6">
            <v>0</v>
          </cell>
          <cell r="BL6">
            <v>0</v>
          </cell>
          <cell r="BM6">
            <v>0</v>
          </cell>
          <cell r="BN6">
            <v>0</v>
          </cell>
          <cell r="BO6">
            <v>0</v>
          </cell>
          <cell r="BP6">
            <v>0</v>
          </cell>
          <cell r="BQ6">
            <v>0</v>
          </cell>
          <cell r="BR6">
            <v>0</v>
          </cell>
          <cell r="BS6">
            <v>0</v>
          </cell>
          <cell r="BT6">
            <v>0</v>
          </cell>
          <cell r="BU6">
            <v>0</v>
          </cell>
        </row>
        <row r="7">
          <cell r="C7">
            <v>0</v>
          </cell>
          <cell r="AX7">
            <v>0</v>
          </cell>
          <cell r="AY7">
            <v>0</v>
          </cell>
          <cell r="AZ7">
            <v>0</v>
          </cell>
          <cell r="BA7">
            <v>0</v>
          </cell>
          <cell r="BB7">
            <v>0</v>
          </cell>
          <cell r="BC7">
            <v>0</v>
          </cell>
          <cell r="BD7">
            <v>0</v>
          </cell>
          <cell r="BE7">
            <v>0</v>
          </cell>
          <cell r="BF7">
            <v>0</v>
          </cell>
          <cell r="BG7">
            <v>0</v>
          </cell>
          <cell r="BH7">
            <v>0</v>
          </cell>
          <cell r="BI7">
            <v>0</v>
          </cell>
          <cell r="BJ7">
            <v>0</v>
          </cell>
          <cell r="BK7">
            <v>0</v>
          </cell>
          <cell r="BL7">
            <v>0</v>
          </cell>
          <cell r="BM7">
            <v>0</v>
          </cell>
          <cell r="BN7">
            <v>0</v>
          </cell>
          <cell r="BO7">
            <v>0</v>
          </cell>
          <cell r="BP7">
            <v>0</v>
          </cell>
          <cell r="BQ7">
            <v>0</v>
          </cell>
          <cell r="BR7">
            <v>0</v>
          </cell>
          <cell r="BS7">
            <v>0</v>
          </cell>
          <cell r="BT7">
            <v>0</v>
          </cell>
          <cell r="BU7">
            <v>0</v>
          </cell>
        </row>
        <row r="8">
          <cell r="C8">
            <v>0</v>
          </cell>
          <cell r="AX8">
            <v>0</v>
          </cell>
          <cell r="AY8">
            <v>0</v>
          </cell>
          <cell r="AZ8">
            <v>0</v>
          </cell>
          <cell r="BA8">
            <v>0</v>
          </cell>
          <cell r="BB8">
            <v>0</v>
          </cell>
          <cell r="BC8">
            <v>0</v>
          </cell>
          <cell r="BD8">
            <v>0</v>
          </cell>
          <cell r="BE8">
            <v>0</v>
          </cell>
          <cell r="BF8">
            <v>0</v>
          </cell>
          <cell r="BG8">
            <v>0</v>
          </cell>
          <cell r="BH8">
            <v>0</v>
          </cell>
          <cell r="BI8">
            <v>0</v>
          </cell>
          <cell r="BJ8">
            <v>0</v>
          </cell>
          <cell r="BK8">
            <v>0</v>
          </cell>
          <cell r="BL8">
            <v>0</v>
          </cell>
          <cell r="BM8">
            <v>0</v>
          </cell>
          <cell r="BN8">
            <v>0</v>
          </cell>
          <cell r="BO8">
            <v>0</v>
          </cell>
          <cell r="BP8">
            <v>0</v>
          </cell>
          <cell r="BQ8">
            <v>0</v>
          </cell>
          <cell r="BR8">
            <v>0</v>
          </cell>
          <cell r="BS8">
            <v>0</v>
          </cell>
          <cell r="BT8">
            <v>0</v>
          </cell>
          <cell r="BU8">
            <v>0</v>
          </cell>
        </row>
        <row r="9">
          <cell r="C9">
            <v>0</v>
          </cell>
          <cell r="AX9">
            <v>0</v>
          </cell>
          <cell r="AY9">
            <v>0</v>
          </cell>
          <cell r="AZ9">
            <v>0</v>
          </cell>
          <cell r="BA9">
            <v>0</v>
          </cell>
          <cell r="BB9">
            <v>0</v>
          </cell>
          <cell r="BC9">
            <v>0</v>
          </cell>
          <cell r="BD9">
            <v>0</v>
          </cell>
          <cell r="BE9">
            <v>0</v>
          </cell>
          <cell r="BF9">
            <v>0</v>
          </cell>
          <cell r="BG9">
            <v>0</v>
          </cell>
          <cell r="BH9">
            <v>0</v>
          </cell>
          <cell r="BI9">
            <v>0</v>
          </cell>
          <cell r="BJ9">
            <v>0</v>
          </cell>
          <cell r="BK9">
            <v>0</v>
          </cell>
          <cell r="BL9">
            <v>0</v>
          </cell>
          <cell r="BM9">
            <v>0</v>
          </cell>
          <cell r="BN9">
            <v>0</v>
          </cell>
          <cell r="BO9">
            <v>0</v>
          </cell>
          <cell r="BP9">
            <v>0</v>
          </cell>
          <cell r="BQ9">
            <v>0</v>
          </cell>
          <cell r="BR9">
            <v>0</v>
          </cell>
          <cell r="BS9">
            <v>0</v>
          </cell>
          <cell r="BT9">
            <v>0</v>
          </cell>
          <cell r="BU9">
            <v>0</v>
          </cell>
        </row>
        <row r="10">
          <cell r="C10">
            <v>0</v>
          </cell>
          <cell r="AX10">
            <v>0</v>
          </cell>
          <cell r="AY10">
            <v>0</v>
          </cell>
          <cell r="AZ10">
            <v>0</v>
          </cell>
          <cell r="BA10">
            <v>0</v>
          </cell>
          <cell r="BB10">
            <v>0</v>
          </cell>
          <cell r="BC10">
            <v>0</v>
          </cell>
          <cell r="BD10">
            <v>0</v>
          </cell>
          <cell r="BE10">
            <v>0</v>
          </cell>
          <cell r="BF10">
            <v>0</v>
          </cell>
          <cell r="BG10">
            <v>0</v>
          </cell>
          <cell r="BH10">
            <v>0</v>
          </cell>
          <cell r="BI10">
            <v>0</v>
          </cell>
          <cell r="BJ10">
            <v>0</v>
          </cell>
          <cell r="BK10">
            <v>0</v>
          </cell>
          <cell r="BL10">
            <v>0</v>
          </cell>
          <cell r="BM10">
            <v>0</v>
          </cell>
          <cell r="BN10">
            <v>0</v>
          </cell>
          <cell r="BO10">
            <v>0</v>
          </cell>
          <cell r="BP10">
            <v>0</v>
          </cell>
          <cell r="BQ10">
            <v>0</v>
          </cell>
          <cell r="BR10">
            <v>0</v>
          </cell>
          <cell r="BS10">
            <v>0</v>
          </cell>
          <cell r="BT10">
            <v>0</v>
          </cell>
          <cell r="BU10">
            <v>0</v>
          </cell>
        </row>
        <row r="11">
          <cell r="C11">
            <v>0</v>
          </cell>
          <cell r="AX11">
            <v>0</v>
          </cell>
          <cell r="AY11">
            <v>0</v>
          </cell>
          <cell r="AZ11">
            <v>0</v>
          </cell>
          <cell r="BA11">
            <v>0</v>
          </cell>
          <cell r="BB11">
            <v>0</v>
          </cell>
          <cell r="BC11">
            <v>0</v>
          </cell>
          <cell r="BD11">
            <v>0</v>
          </cell>
          <cell r="BE11">
            <v>0</v>
          </cell>
          <cell r="BF11">
            <v>0</v>
          </cell>
          <cell r="BG11">
            <v>0</v>
          </cell>
          <cell r="BH11">
            <v>0</v>
          </cell>
          <cell r="BI11">
            <v>0</v>
          </cell>
          <cell r="BJ11">
            <v>0</v>
          </cell>
          <cell r="BK11">
            <v>0</v>
          </cell>
          <cell r="BL11">
            <v>0</v>
          </cell>
          <cell r="BM11">
            <v>0</v>
          </cell>
          <cell r="BN11">
            <v>0</v>
          </cell>
          <cell r="BO11">
            <v>0</v>
          </cell>
          <cell r="BP11">
            <v>0</v>
          </cell>
          <cell r="BQ11">
            <v>0</v>
          </cell>
          <cell r="BR11">
            <v>0</v>
          </cell>
          <cell r="BS11">
            <v>0</v>
          </cell>
          <cell r="BT11">
            <v>0</v>
          </cell>
          <cell r="BU11">
            <v>0</v>
          </cell>
        </row>
        <row r="12">
          <cell r="C12">
            <v>0</v>
          </cell>
          <cell r="AX12">
            <v>0</v>
          </cell>
          <cell r="AY12">
            <v>0</v>
          </cell>
          <cell r="AZ12">
            <v>0</v>
          </cell>
          <cell r="BA12">
            <v>0</v>
          </cell>
          <cell r="BB12">
            <v>0</v>
          </cell>
          <cell r="BC12">
            <v>0</v>
          </cell>
          <cell r="BD12">
            <v>0</v>
          </cell>
          <cell r="BE12">
            <v>0</v>
          </cell>
          <cell r="BF12">
            <v>0</v>
          </cell>
          <cell r="BG12">
            <v>0</v>
          </cell>
          <cell r="BH12">
            <v>0</v>
          </cell>
          <cell r="BI12">
            <v>0</v>
          </cell>
          <cell r="BJ12">
            <v>0</v>
          </cell>
          <cell r="BK12">
            <v>0</v>
          </cell>
          <cell r="BL12">
            <v>0</v>
          </cell>
          <cell r="BM12">
            <v>0</v>
          </cell>
          <cell r="BN12">
            <v>0</v>
          </cell>
          <cell r="BO12">
            <v>0</v>
          </cell>
          <cell r="BP12">
            <v>0</v>
          </cell>
          <cell r="BQ12">
            <v>0</v>
          </cell>
          <cell r="BR12">
            <v>0</v>
          </cell>
          <cell r="BS12">
            <v>0</v>
          </cell>
          <cell r="BT12">
            <v>0</v>
          </cell>
          <cell r="BU12">
            <v>0</v>
          </cell>
        </row>
        <row r="13">
          <cell r="C13">
            <v>0</v>
          </cell>
          <cell r="AX13">
            <v>0</v>
          </cell>
          <cell r="AY13">
            <v>0</v>
          </cell>
          <cell r="AZ13">
            <v>0</v>
          </cell>
          <cell r="BA13">
            <v>0</v>
          </cell>
          <cell r="BB13">
            <v>0</v>
          </cell>
          <cell r="BC13">
            <v>0</v>
          </cell>
          <cell r="BD13">
            <v>0</v>
          </cell>
          <cell r="BE13">
            <v>0</v>
          </cell>
          <cell r="BF13">
            <v>0</v>
          </cell>
          <cell r="BG13">
            <v>0</v>
          </cell>
          <cell r="BH13">
            <v>0</v>
          </cell>
          <cell r="BI13">
            <v>0</v>
          </cell>
          <cell r="BJ13">
            <v>0</v>
          </cell>
          <cell r="BK13">
            <v>0</v>
          </cell>
          <cell r="BL13">
            <v>0</v>
          </cell>
          <cell r="BM13">
            <v>0</v>
          </cell>
          <cell r="BN13">
            <v>0</v>
          </cell>
          <cell r="BO13">
            <v>0</v>
          </cell>
          <cell r="BP13">
            <v>0</v>
          </cell>
          <cell r="BQ13">
            <v>0</v>
          </cell>
          <cell r="BR13">
            <v>0</v>
          </cell>
          <cell r="BS13">
            <v>0</v>
          </cell>
          <cell r="BT13">
            <v>0</v>
          </cell>
          <cell r="BU13">
            <v>0</v>
          </cell>
        </row>
        <row r="14">
          <cell r="C14">
            <v>0</v>
          </cell>
          <cell r="AX14">
            <v>0</v>
          </cell>
          <cell r="AY14">
            <v>0</v>
          </cell>
          <cell r="AZ14">
            <v>0</v>
          </cell>
          <cell r="BA14">
            <v>0</v>
          </cell>
          <cell r="BB14">
            <v>0</v>
          </cell>
          <cell r="BC14">
            <v>0</v>
          </cell>
          <cell r="BD14">
            <v>0</v>
          </cell>
          <cell r="BE14">
            <v>0</v>
          </cell>
          <cell r="BF14">
            <v>0</v>
          </cell>
          <cell r="BG14">
            <v>0</v>
          </cell>
          <cell r="BH14">
            <v>0</v>
          </cell>
          <cell r="BI14">
            <v>0</v>
          </cell>
          <cell r="BJ14">
            <v>0</v>
          </cell>
          <cell r="BK14">
            <v>0</v>
          </cell>
          <cell r="BL14">
            <v>0</v>
          </cell>
          <cell r="BM14">
            <v>0</v>
          </cell>
          <cell r="BN14">
            <v>0</v>
          </cell>
          <cell r="BO14">
            <v>0</v>
          </cell>
          <cell r="BP14">
            <v>0</v>
          </cell>
          <cell r="BQ14">
            <v>0</v>
          </cell>
          <cell r="BR14">
            <v>0</v>
          </cell>
          <cell r="BS14">
            <v>0</v>
          </cell>
          <cell r="BT14">
            <v>0</v>
          </cell>
          <cell r="BU14">
            <v>0</v>
          </cell>
        </row>
        <row r="15">
          <cell r="C15">
            <v>0</v>
          </cell>
          <cell r="AX15">
            <v>0</v>
          </cell>
          <cell r="AY15">
            <v>0</v>
          </cell>
          <cell r="AZ15">
            <v>0</v>
          </cell>
          <cell r="BA15">
            <v>0</v>
          </cell>
          <cell r="BB15">
            <v>0</v>
          </cell>
          <cell r="BC15">
            <v>0</v>
          </cell>
          <cell r="BD15">
            <v>0</v>
          </cell>
          <cell r="BE15">
            <v>0</v>
          </cell>
          <cell r="BF15">
            <v>0</v>
          </cell>
          <cell r="BG15">
            <v>0</v>
          </cell>
          <cell r="BH15">
            <v>0</v>
          </cell>
          <cell r="BI15">
            <v>0</v>
          </cell>
          <cell r="BJ15">
            <v>0</v>
          </cell>
          <cell r="BK15">
            <v>0</v>
          </cell>
          <cell r="BL15">
            <v>0</v>
          </cell>
          <cell r="BM15">
            <v>0</v>
          </cell>
          <cell r="BN15">
            <v>0</v>
          </cell>
          <cell r="BO15">
            <v>0</v>
          </cell>
          <cell r="BP15">
            <v>0</v>
          </cell>
          <cell r="BQ15">
            <v>0</v>
          </cell>
          <cell r="BR15">
            <v>0</v>
          </cell>
          <cell r="BS15">
            <v>0</v>
          </cell>
          <cell r="BT15">
            <v>0</v>
          </cell>
          <cell r="BU15">
            <v>0</v>
          </cell>
        </row>
        <row r="16">
          <cell r="C16">
            <v>0</v>
          </cell>
          <cell r="AX16">
            <v>0</v>
          </cell>
          <cell r="AY16">
            <v>0</v>
          </cell>
          <cell r="AZ16">
            <v>0</v>
          </cell>
          <cell r="BA16">
            <v>0</v>
          </cell>
          <cell r="BB16">
            <v>0</v>
          </cell>
          <cell r="BC16">
            <v>0</v>
          </cell>
          <cell r="BD16">
            <v>0</v>
          </cell>
          <cell r="BE16">
            <v>0</v>
          </cell>
          <cell r="BF16">
            <v>0</v>
          </cell>
          <cell r="BG16">
            <v>0</v>
          </cell>
          <cell r="BH16">
            <v>0</v>
          </cell>
          <cell r="BI16">
            <v>0</v>
          </cell>
          <cell r="BJ16">
            <v>0</v>
          </cell>
          <cell r="BK16">
            <v>0</v>
          </cell>
          <cell r="BL16">
            <v>0</v>
          </cell>
          <cell r="BM16">
            <v>0</v>
          </cell>
          <cell r="BN16">
            <v>0</v>
          </cell>
          <cell r="BO16">
            <v>0</v>
          </cell>
          <cell r="BP16">
            <v>0</v>
          </cell>
          <cell r="BQ16">
            <v>0</v>
          </cell>
          <cell r="BR16">
            <v>0</v>
          </cell>
          <cell r="BS16">
            <v>0</v>
          </cell>
          <cell r="BT16">
            <v>0</v>
          </cell>
          <cell r="BU16">
            <v>0</v>
          </cell>
        </row>
        <row r="17">
          <cell r="C17">
            <v>0</v>
          </cell>
          <cell r="AX17">
            <v>0</v>
          </cell>
          <cell r="AY17">
            <v>0</v>
          </cell>
          <cell r="AZ17">
            <v>0</v>
          </cell>
          <cell r="BA17">
            <v>0</v>
          </cell>
          <cell r="BB17">
            <v>0</v>
          </cell>
          <cell r="BC17">
            <v>0</v>
          </cell>
          <cell r="BD17">
            <v>0</v>
          </cell>
          <cell r="BE17">
            <v>0</v>
          </cell>
          <cell r="BF17">
            <v>0</v>
          </cell>
          <cell r="BG17">
            <v>0</v>
          </cell>
          <cell r="BH17">
            <v>0</v>
          </cell>
          <cell r="BI17">
            <v>0</v>
          </cell>
          <cell r="BJ17">
            <v>0</v>
          </cell>
          <cell r="BK17">
            <v>0</v>
          </cell>
          <cell r="BL17">
            <v>0</v>
          </cell>
          <cell r="BM17">
            <v>0</v>
          </cell>
          <cell r="BN17">
            <v>0</v>
          </cell>
          <cell r="BO17">
            <v>0</v>
          </cell>
          <cell r="BP17">
            <v>0</v>
          </cell>
          <cell r="BQ17">
            <v>0</v>
          </cell>
          <cell r="BR17">
            <v>0</v>
          </cell>
          <cell r="BS17">
            <v>0</v>
          </cell>
          <cell r="BT17">
            <v>0</v>
          </cell>
          <cell r="BU17">
            <v>0</v>
          </cell>
        </row>
        <row r="18">
          <cell r="C18">
            <v>0</v>
          </cell>
          <cell r="AX18">
            <v>0</v>
          </cell>
          <cell r="AY18">
            <v>0</v>
          </cell>
          <cell r="AZ18">
            <v>0</v>
          </cell>
          <cell r="BA18">
            <v>0</v>
          </cell>
          <cell r="BB18">
            <v>0</v>
          </cell>
          <cell r="BC18">
            <v>0</v>
          </cell>
          <cell r="BD18">
            <v>0</v>
          </cell>
          <cell r="BE18">
            <v>0</v>
          </cell>
          <cell r="BF18">
            <v>0</v>
          </cell>
          <cell r="BG18">
            <v>0</v>
          </cell>
          <cell r="BH18">
            <v>0</v>
          </cell>
          <cell r="BI18">
            <v>0</v>
          </cell>
          <cell r="BJ18">
            <v>0</v>
          </cell>
          <cell r="BK18">
            <v>0</v>
          </cell>
          <cell r="BL18">
            <v>0</v>
          </cell>
          <cell r="BM18">
            <v>0</v>
          </cell>
          <cell r="BN18">
            <v>0</v>
          </cell>
          <cell r="BO18">
            <v>0</v>
          </cell>
          <cell r="BP18">
            <v>0</v>
          </cell>
          <cell r="BQ18">
            <v>0</v>
          </cell>
          <cell r="BR18">
            <v>0</v>
          </cell>
          <cell r="BS18">
            <v>0</v>
          </cell>
          <cell r="BT18">
            <v>0</v>
          </cell>
          <cell r="BU18">
            <v>0</v>
          </cell>
        </row>
        <row r="19">
          <cell r="C19">
            <v>0</v>
          </cell>
          <cell r="AX19">
            <v>0</v>
          </cell>
          <cell r="AY19">
            <v>0</v>
          </cell>
          <cell r="AZ19">
            <v>0</v>
          </cell>
          <cell r="BA19">
            <v>0</v>
          </cell>
          <cell r="BB19">
            <v>0</v>
          </cell>
          <cell r="BC19">
            <v>0</v>
          </cell>
          <cell r="BD19">
            <v>0</v>
          </cell>
          <cell r="BE19">
            <v>0</v>
          </cell>
          <cell r="BF19">
            <v>0</v>
          </cell>
          <cell r="BG19">
            <v>0</v>
          </cell>
          <cell r="BH19">
            <v>0</v>
          </cell>
          <cell r="BI19">
            <v>0</v>
          </cell>
          <cell r="BJ19">
            <v>0</v>
          </cell>
          <cell r="BK19">
            <v>0</v>
          </cell>
          <cell r="BL19">
            <v>0</v>
          </cell>
          <cell r="BM19">
            <v>0</v>
          </cell>
          <cell r="BN19">
            <v>0</v>
          </cell>
          <cell r="BO19">
            <v>0</v>
          </cell>
          <cell r="BP19">
            <v>0</v>
          </cell>
          <cell r="BQ19">
            <v>0</v>
          </cell>
          <cell r="BR19">
            <v>0</v>
          </cell>
          <cell r="BS19">
            <v>0</v>
          </cell>
          <cell r="BT19">
            <v>0</v>
          </cell>
          <cell r="BU19">
            <v>0</v>
          </cell>
        </row>
        <row r="20">
          <cell r="C20">
            <v>0</v>
          </cell>
          <cell r="AX20">
            <v>0</v>
          </cell>
          <cell r="AY20">
            <v>0</v>
          </cell>
          <cell r="AZ20">
            <v>0</v>
          </cell>
          <cell r="BA20">
            <v>0</v>
          </cell>
          <cell r="BB20">
            <v>0</v>
          </cell>
          <cell r="BC20">
            <v>0</v>
          </cell>
          <cell r="BD20">
            <v>0</v>
          </cell>
          <cell r="BE20">
            <v>0</v>
          </cell>
          <cell r="BF20">
            <v>0</v>
          </cell>
          <cell r="BG20">
            <v>0</v>
          </cell>
          <cell r="BH20">
            <v>0</v>
          </cell>
          <cell r="BI20">
            <v>0</v>
          </cell>
          <cell r="BJ20">
            <v>0</v>
          </cell>
          <cell r="BK20">
            <v>0</v>
          </cell>
          <cell r="BL20">
            <v>0</v>
          </cell>
          <cell r="BM20">
            <v>0</v>
          </cell>
          <cell r="BN20">
            <v>0</v>
          </cell>
          <cell r="BO20">
            <v>0</v>
          </cell>
          <cell r="BP20">
            <v>0</v>
          </cell>
          <cell r="BQ20">
            <v>0</v>
          </cell>
          <cell r="BR20">
            <v>0</v>
          </cell>
          <cell r="BS20">
            <v>0</v>
          </cell>
          <cell r="BT20">
            <v>0</v>
          </cell>
          <cell r="BU20">
            <v>0</v>
          </cell>
        </row>
        <row r="21">
          <cell r="C21">
            <v>0</v>
          </cell>
          <cell r="AX21">
            <v>0</v>
          </cell>
          <cell r="AY21">
            <v>0</v>
          </cell>
          <cell r="AZ21">
            <v>0</v>
          </cell>
          <cell r="BA21">
            <v>0</v>
          </cell>
          <cell r="BB21">
            <v>0</v>
          </cell>
          <cell r="BC21">
            <v>0</v>
          </cell>
          <cell r="BD21">
            <v>0</v>
          </cell>
          <cell r="BE21">
            <v>0</v>
          </cell>
          <cell r="BF21">
            <v>0</v>
          </cell>
          <cell r="BG21">
            <v>0</v>
          </cell>
          <cell r="BH21">
            <v>0</v>
          </cell>
          <cell r="BI21">
            <v>0</v>
          </cell>
          <cell r="BJ21">
            <v>0</v>
          </cell>
          <cell r="BK21">
            <v>0</v>
          </cell>
          <cell r="BL21">
            <v>0</v>
          </cell>
          <cell r="BM21">
            <v>0</v>
          </cell>
          <cell r="BN21">
            <v>0</v>
          </cell>
          <cell r="BO21">
            <v>0</v>
          </cell>
          <cell r="BP21">
            <v>0</v>
          </cell>
          <cell r="BQ21">
            <v>0</v>
          </cell>
          <cell r="BR21">
            <v>0</v>
          </cell>
          <cell r="BS21">
            <v>0</v>
          </cell>
          <cell r="BT21">
            <v>0</v>
          </cell>
          <cell r="BU21">
            <v>0</v>
          </cell>
        </row>
        <row r="23">
          <cell r="AX23">
            <v>0</v>
          </cell>
          <cell r="AY23">
            <v>0</v>
          </cell>
          <cell r="AZ23">
            <v>0</v>
          </cell>
          <cell r="BA23">
            <v>0</v>
          </cell>
          <cell r="BB23">
            <v>0</v>
          </cell>
          <cell r="BC23">
            <v>0</v>
          </cell>
          <cell r="BD23">
            <v>0</v>
          </cell>
          <cell r="BE23">
            <v>0</v>
          </cell>
          <cell r="BF23">
            <v>0</v>
          </cell>
          <cell r="BG23">
            <v>0</v>
          </cell>
          <cell r="BH23">
            <v>0</v>
          </cell>
          <cell r="BI23">
            <v>0</v>
          </cell>
          <cell r="BJ23">
            <v>0</v>
          </cell>
          <cell r="BK23">
            <v>0</v>
          </cell>
          <cell r="BL23">
            <v>0</v>
          </cell>
          <cell r="BM23">
            <v>0</v>
          </cell>
          <cell r="BN23">
            <v>0</v>
          </cell>
          <cell r="BO23">
            <v>0</v>
          </cell>
          <cell r="BP23">
            <v>0</v>
          </cell>
          <cell r="BQ23">
            <v>0</v>
          </cell>
          <cell r="BR23">
            <v>0</v>
          </cell>
          <cell r="BS23">
            <v>0</v>
          </cell>
          <cell r="BT23">
            <v>0</v>
          </cell>
          <cell r="BU23">
            <v>0</v>
          </cell>
        </row>
        <row r="25">
          <cell r="AX25">
            <v>0</v>
          </cell>
          <cell r="AY25">
            <v>0</v>
          </cell>
          <cell r="AZ25">
            <v>0</v>
          </cell>
          <cell r="BA25">
            <v>0</v>
          </cell>
          <cell r="BB25">
            <v>0</v>
          </cell>
          <cell r="BC25">
            <v>0</v>
          </cell>
          <cell r="BD25">
            <v>0</v>
          </cell>
          <cell r="BE25">
            <v>0</v>
          </cell>
          <cell r="BF25">
            <v>0</v>
          </cell>
          <cell r="BG25">
            <v>0</v>
          </cell>
          <cell r="BH25">
            <v>0</v>
          </cell>
          <cell r="BI25">
            <v>0</v>
          </cell>
          <cell r="BJ25">
            <v>0</v>
          </cell>
          <cell r="BK25">
            <v>0</v>
          </cell>
          <cell r="BL25">
            <v>0</v>
          </cell>
          <cell r="BM25">
            <v>0</v>
          </cell>
          <cell r="BN25">
            <v>0</v>
          </cell>
          <cell r="BO25">
            <v>0</v>
          </cell>
          <cell r="BP25">
            <v>0</v>
          </cell>
          <cell r="BQ25">
            <v>0</v>
          </cell>
          <cell r="BR25">
            <v>0</v>
          </cell>
          <cell r="BS25">
            <v>0</v>
          </cell>
          <cell r="BT25">
            <v>0</v>
          </cell>
          <cell r="BU25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6ECA292-BE54-471F-AE67-3070A9AA4B2C}">
  <dimension ref="A1:AD36"/>
  <sheetViews>
    <sheetView showGridLines="0" tabSelected="1" view="pageBreakPreview" zoomScaleNormal="85" zoomScaleSheetLayoutView="100" workbookViewId="0">
      <pane xSplit="2" ySplit="5" topLeftCell="C10" activePane="bottomRight" state="frozen"/>
      <selection activeCell="N38" sqref="N38"/>
      <selection pane="topRight" activeCell="N38" sqref="N38"/>
      <selection pane="bottomLeft" activeCell="N38" sqref="N38"/>
      <selection pane="bottomRight" activeCell="X15" sqref="X15"/>
    </sheetView>
  </sheetViews>
  <sheetFormatPr defaultColWidth="9" defaultRowHeight="15" customHeight="1"/>
  <cols>
    <col min="1" max="1" width="4.6328125" style="1" hidden="1" customWidth="1"/>
    <col min="2" max="2" width="12.6328125" style="1" hidden="1" customWidth="1"/>
    <col min="3" max="3" width="9.08984375" style="1" hidden="1" customWidth="1"/>
    <col min="4" max="4" width="6.6328125" style="1" hidden="1" customWidth="1"/>
    <col min="5" max="5" width="8.6328125" style="1" hidden="1" customWidth="1"/>
    <col min="6" max="6" width="6.6328125" style="1" hidden="1" customWidth="1"/>
    <col min="7" max="7" width="8.6328125" style="1" hidden="1" customWidth="1"/>
    <col min="8" max="8" width="6.6328125" style="1" hidden="1" customWidth="1"/>
    <col min="9" max="9" width="8.6328125" style="1" hidden="1" customWidth="1"/>
    <col min="10" max="10" width="6.6328125" style="1" hidden="1" customWidth="1"/>
    <col min="11" max="11" width="8.6328125" style="1" hidden="1" customWidth="1"/>
    <col min="12" max="12" width="6.6328125" style="1" hidden="1" customWidth="1"/>
    <col min="13" max="13" width="8.6328125" style="1" hidden="1" customWidth="1"/>
    <col min="14" max="14" width="6.6328125" style="1" hidden="1" customWidth="1"/>
    <col min="15" max="15" width="8.6328125" style="1" hidden="1" customWidth="1"/>
    <col min="16" max="16" width="6.6328125" style="1" hidden="1" customWidth="1"/>
    <col min="17" max="17" width="8.6328125" style="1" hidden="1" customWidth="1"/>
    <col min="18" max="18" width="6.6328125" style="1" hidden="1" customWidth="1"/>
    <col min="19" max="20" width="8.6328125" style="1" hidden="1" customWidth="1"/>
    <col min="21" max="21" width="10.6328125" style="1" hidden="1" customWidth="1"/>
    <col min="22" max="22" width="4.6328125" style="1" customWidth="1"/>
    <col min="23" max="27" width="12.6328125" style="1" customWidth="1"/>
    <col min="28" max="28" width="8.6328125" style="1" customWidth="1"/>
    <col min="29" max="29" width="12.6328125" style="1" customWidth="1"/>
    <col min="30" max="30" width="4.453125" style="1" bestFit="1" customWidth="1"/>
    <col min="31" max="256" width="9" style="1"/>
    <col min="257" max="257" width="4.6328125" style="1" customWidth="1"/>
    <col min="258" max="258" width="12.6328125" style="1" customWidth="1"/>
    <col min="259" max="259" width="9.08984375" style="1" customWidth="1"/>
    <col min="260" max="260" width="6.6328125" style="1" customWidth="1"/>
    <col min="261" max="261" width="8.6328125" style="1" customWidth="1"/>
    <col min="262" max="262" width="6.6328125" style="1" customWidth="1"/>
    <col min="263" max="263" width="8.6328125" style="1" customWidth="1"/>
    <col min="264" max="264" width="6.6328125" style="1" customWidth="1"/>
    <col min="265" max="265" width="8.6328125" style="1" customWidth="1"/>
    <col min="266" max="266" width="6.6328125" style="1" customWidth="1"/>
    <col min="267" max="267" width="8.6328125" style="1" customWidth="1"/>
    <col min="268" max="268" width="6.6328125" style="1" customWidth="1"/>
    <col min="269" max="269" width="8.6328125" style="1" customWidth="1"/>
    <col min="270" max="270" width="6.6328125" style="1" customWidth="1"/>
    <col min="271" max="271" width="8.6328125" style="1" customWidth="1"/>
    <col min="272" max="272" width="6.6328125" style="1" customWidth="1"/>
    <col min="273" max="273" width="8.6328125" style="1" customWidth="1"/>
    <col min="274" max="274" width="6.6328125" style="1" customWidth="1"/>
    <col min="275" max="276" width="8.6328125" style="1" customWidth="1"/>
    <col min="277" max="277" width="10.6328125" style="1" customWidth="1"/>
    <col min="278" max="278" width="4.6328125" style="1" customWidth="1"/>
    <col min="279" max="283" width="12.6328125" style="1" customWidth="1"/>
    <col min="284" max="284" width="8.6328125" style="1" customWidth="1"/>
    <col min="285" max="285" width="12.6328125" style="1" customWidth="1"/>
    <col min="286" max="286" width="4.453125" style="1" bestFit="1" customWidth="1"/>
    <col min="287" max="512" width="9" style="1"/>
    <col min="513" max="513" width="4.6328125" style="1" customWidth="1"/>
    <col min="514" max="514" width="12.6328125" style="1" customWidth="1"/>
    <col min="515" max="515" width="9.08984375" style="1" customWidth="1"/>
    <col min="516" max="516" width="6.6328125" style="1" customWidth="1"/>
    <col min="517" max="517" width="8.6328125" style="1" customWidth="1"/>
    <col min="518" max="518" width="6.6328125" style="1" customWidth="1"/>
    <col min="519" max="519" width="8.6328125" style="1" customWidth="1"/>
    <col min="520" max="520" width="6.6328125" style="1" customWidth="1"/>
    <col min="521" max="521" width="8.6328125" style="1" customWidth="1"/>
    <col min="522" max="522" width="6.6328125" style="1" customWidth="1"/>
    <col min="523" max="523" width="8.6328125" style="1" customWidth="1"/>
    <col min="524" max="524" width="6.6328125" style="1" customWidth="1"/>
    <col min="525" max="525" width="8.6328125" style="1" customWidth="1"/>
    <col min="526" max="526" width="6.6328125" style="1" customWidth="1"/>
    <col min="527" max="527" width="8.6328125" style="1" customWidth="1"/>
    <col min="528" max="528" width="6.6328125" style="1" customWidth="1"/>
    <col min="529" max="529" width="8.6328125" style="1" customWidth="1"/>
    <col min="530" max="530" width="6.6328125" style="1" customWidth="1"/>
    <col min="531" max="532" width="8.6328125" style="1" customWidth="1"/>
    <col min="533" max="533" width="10.6328125" style="1" customWidth="1"/>
    <col min="534" max="534" width="4.6328125" style="1" customWidth="1"/>
    <col min="535" max="539" width="12.6328125" style="1" customWidth="1"/>
    <col min="540" max="540" width="8.6328125" style="1" customWidth="1"/>
    <col min="541" max="541" width="12.6328125" style="1" customWidth="1"/>
    <col min="542" max="542" width="4.453125" style="1" bestFit="1" customWidth="1"/>
    <col min="543" max="768" width="9" style="1"/>
    <col min="769" max="769" width="4.6328125" style="1" customWidth="1"/>
    <col min="770" max="770" width="12.6328125" style="1" customWidth="1"/>
    <col min="771" max="771" width="9.08984375" style="1" customWidth="1"/>
    <col min="772" max="772" width="6.6328125" style="1" customWidth="1"/>
    <col min="773" max="773" width="8.6328125" style="1" customWidth="1"/>
    <col min="774" max="774" width="6.6328125" style="1" customWidth="1"/>
    <col min="775" max="775" width="8.6328125" style="1" customWidth="1"/>
    <col min="776" max="776" width="6.6328125" style="1" customWidth="1"/>
    <col min="777" max="777" width="8.6328125" style="1" customWidth="1"/>
    <col min="778" max="778" width="6.6328125" style="1" customWidth="1"/>
    <col min="779" max="779" width="8.6328125" style="1" customWidth="1"/>
    <col min="780" max="780" width="6.6328125" style="1" customWidth="1"/>
    <col min="781" max="781" width="8.6328125" style="1" customWidth="1"/>
    <col min="782" max="782" width="6.6328125" style="1" customWidth="1"/>
    <col min="783" max="783" width="8.6328125" style="1" customWidth="1"/>
    <col min="784" max="784" width="6.6328125" style="1" customWidth="1"/>
    <col min="785" max="785" width="8.6328125" style="1" customWidth="1"/>
    <col min="786" max="786" width="6.6328125" style="1" customWidth="1"/>
    <col min="787" max="788" width="8.6328125" style="1" customWidth="1"/>
    <col min="789" max="789" width="10.6328125" style="1" customWidth="1"/>
    <col min="790" max="790" width="4.6328125" style="1" customWidth="1"/>
    <col min="791" max="795" width="12.6328125" style="1" customWidth="1"/>
    <col min="796" max="796" width="8.6328125" style="1" customWidth="1"/>
    <col min="797" max="797" width="12.6328125" style="1" customWidth="1"/>
    <col min="798" max="798" width="4.453125" style="1" bestFit="1" customWidth="1"/>
    <col min="799" max="1024" width="9" style="1"/>
    <col min="1025" max="1025" width="4.6328125" style="1" customWidth="1"/>
    <col min="1026" max="1026" width="12.6328125" style="1" customWidth="1"/>
    <col min="1027" max="1027" width="9.08984375" style="1" customWidth="1"/>
    <col min="1028" max="1028" width="6.6328125" style="1" customWidth="1"/>
    <col min="1029" max="1029" width="8.6328125" style="1" customWidth="1"/>
    <col min="1030" max="1030" width="6.6328125" style="1" customWidth="1"/>
    <col min="1031" max="1031" width="8.6328125" style="1" customWidth="1"/>
    <col min="1032" max="1032" width="6.6328125" style="1" customWidth="1"/>
    <col min="1033" max="1033" width="8.6328125" style="1" customWidth="1"/>
    <col min="1034" max="1034" width="6.6328125" style="1" customWidth="1"/>
    <col min="1035" max="1035" width="8.6328125" style="1" customWidth="1"/>
    <col min="1036" max="1036" width="6.6328125" style="1" customWidth="1"/>
    <col min="1037" max="1037" width="8.6328125" style="1" customWidth="1"/>
    <col min="1038" max="1038" width="6.6328125" style="1" customWidth="1"/>
    <col min="1039" max="1039" width="8.6328125" style="1" customWidth="1"/>
    <col min="1040" max="1040" width="6.6328125" style="1" customWidth="1"/>
    <col min="1041" max="1041" width="8.6328125" style="1" customWidth="1"/>
    <col min="1042" max="1042" width="6.6328125" style="1" customWidth="1"/>
    <col min="1043" max="1044" width="8.6328125" style="1" customWidth="1"/>
    <col min="1045" max="1045" width="10.6328125" style="1" customWidth="1"/>
    <col min="1046" max="1046" width="4.6328125" style="1" customWidth="1"/>
    <col min="1047" max="1051" width="12.6328125" style="1" customWidth="1"/>
    <col min="1052" max="1052" width="8.6328125" style="1" customWidth="1"/>
    <col min="1053" max="1053" width="12.6328125" style="1" customWidth="1"/>
    <col min="1054" max="1054" width="4.453125" style="1" bestFit="1" customWidth="1"/>
    <col min="1055" max="1280" width="9" style="1"/>
    <col min="1281" max="1281" width="4.6328125" style="1" customWidth="1"/>
    <col min="1282" max="1282" width="12.6328125" style="1" customWidth="1"/>
    <col min="1283" max="1283" width="9.08984375" style="1" customWidth="1"/>
    <col min="1284" max="1284" width="6.6328125" style="1" customWidth="1"/>
    <col min="1285" max="1285" width="8.6328125" style="1" customWidth="1"/>
    <col min="1286" max="1286" width="6.6328125" style="1" customWidth="1"/>
    <col min="1287" max="1287" width="8.6328125" style="1" customWidth="1"/>
    <col min="1288" max="1288" width="6.6328125" style="1" customWidth="1"/>
    <col min="1289" max="1289" width="8.6328125" style="1" customWidth="1"/>
    <col min="1290" max="1290" width="6.6328125" style="1" customWidth="1"/>
    <col min="1291" max="1291" width="8.6328125" style="1" customWidth="1"/>
    <col min="1292" max="1292" width="6.6328125" style="1" customWidth="1"/>
    <col min="1293" max="1293" width="8.6328125" style="1" customWidth="1"/>
    <col min="1294" max="1294" width="6.6328125" style="1" customWidth="1"/>
    <col min="1295" max="1295" width="8.6328125" style="1" customWidth="1"/>
    <col min="1296" max="1296" width="6.6328125" style="1" customWidth="1"/>
    <col min="1297" max="1297" width="8.6328125" style="1" customWidth="1"/>
    <col min="1298" max="1298" width="6.6328125" style="1" customWidth="1"/>
    <col min="1299" max="1300" width="8.6328125" style="1" customWidth="1"/>
    <col min="1301" max="1301" width="10.6328125" style="1" customWidth="1"/>
    <col min="1302" max="1302" width="4.6328125" style="1" customWidth="1"/>
    <col min="1303" max="1307" width="12.6328125" style="1" customWidth="1"/>
    <col min="1308" max="1308" width="8.6328125" style="1" customWidth="1"/>
    <col min="1309" max="1309" width="12.6328125" style="1" customWidth="1"/>
    <col min="1310" max="1310" width="4.453125" style="1" bestFit="1" customWidth="1"/>
    <col min="1311" max="1536" width="9" style="1"/>
    <col min="1537" max="1537" width="4.6328125" style="1" customWidth="1"/>
    <col min="1538" max="1538" width="12.6328125" style="1" customWidth="1"/>
    <col min="1539" max="1539" width="9.08984375" style="1" customWidth="1"/>
    <col min="1540" max="1540" width="6.6328125" style="1" customWidth="1"/>
    <col min="1541" max="1541" width="8.6328125" style="1" customWidth="1"/>
    <col min="1542" max="1542" width="6.6328125" style="1" customWidth="1"/>
    <col min="1543" max="1543" width="8.6328125" style="1" customWidth="1"/>
    <col min="1544" max="1544" width="6.6328125" style="1" customWidth="1"/>
    <col min="1545" max="1545" width="8.6328125" style="1" customWidth="1"/>
    <col min="1546" max="1546" width="6.6328125" style="1" customWidth="1"/>
    <col min="1547" max="1547" width="8.6328125" style="1" customWidth="1"/>
    <col min="1548" max="1548" width="6.6328125" style="1" customWidth="1"/>
    <col min="1549" max="1549" width="8.6328125" style="1" customWidth="1"/>
    <col min="1550" max="1550" width="6.6328125" style="1" customWidth="1"/>
    <col min="1551" max="1551" width="8.6328125" style="1" customWidth="1"/>
    <col min="1552" max="1552" width="6.6328125" style="1" customWidth="1"/>
    <col min="1553" max="1553" width="8.6328125" style="1" customWidth="1"/>
    <col min="1554" max="1554" width="6.6328125" style="1" customWidth="1"/>
    <col min="1555" max="1556" width="8.6328125" style="1" customWidth="1"/>
    <col min="1557" max="1557" width="10.6328125" style="1" customWidth="1"/>
    <col min="1558" max="1558" width="4.6328125" style="1" customWidth="1"/>
    <col min="1559" max="1563" width="12.6328125" style="1" customWidth="1"/>
    <col min="1564" max="1564" width="8.6328125" style="1" customWidth="1"/>
    <col min="1565" max="1565" width="12.6328125" style="1" customWidth="1"/>
    <col min="1566" max="1566" width="4.453125" style="1" bestFit="1" customWidth="1"/>
    <col min="1567" max="1792" width="9" style="1"/>
    <col min="1793" max="1793" width="4.6328125" style="1" customWidth="1"/>
    <col min="1794" max="1794" width="12.6328125" style="1" customWidth="1"/>
    <col min="1795" max="1795" width="9.08984375" style="1" customWidth="1"/>
    <col min="1796" max="1796" width="6.6328125" style="1" customWidth="1"/>
    <col min="1797" max="1797" width="8.6328125" style="1" customWidth="1"/>
    <col min="1798" max="1798" width="6.6328125" style="1" customWidth="1"/>
    <col min="1799" max="1799" width="8.6328125" style="1" customWidth="1"/>
    <col min="1800" max="1800" width="6.6328125" style="1" customWidth="1"/>
    <col min="1801" max="1801" width="8.6328125" style="1" customWidth="1"/>
    <col min="1802" max="1802" width="6.6328125" style="1" customWidth="1"/>
    <col min="1803" max="1803" width="8.6328125" style="1" customWidth="1"/>
    <col min="1804" max="1804" width="6.6328125" style="1" customWidth="1"/>
    <col min="1805" max="1805" width="8.6328125" style="1" customWidth="1"/>
    <col min="1806" max="1806" width="6.6328125" style="1" customWidth="1"/>
    <col min="1807" max="1807" width="8.6328125" style="1" customWidth="1"/>
    <col min="1808" max="1808" width="6.6328125" style="1" customWidth="1"/>
    <col min="1809" max="1809" width="8.6328125" style="1" customWidth="1"/>
    <col min="1810" max="1810" width="6.6328125" style="1" customWidth="1"/>
    <col min="1811" max="1812" width="8.6328125" style="1" customWidth="1"/>
    <col min="1813" max="1813" width="10.6328125" style="1" customWidth="1"/>
    <col min="1814" max="1814" width="4.6328125" style="1" customWidth="1"/>
    <col min="1815" max="1819" width="12.6328125" style="1" customWidth="1"/>
    <col min="1820" max="1820" width="8.6328125" style="1" customWidth="1"/>
    <col min="1821" max="1821" width="12.6328125" style="1" customWidth="1"/>
    <col min="1822" max="1822" width="4.453125" style="1" bestFit="1" customWidth="1"/>
    <col min="1823" max="2048" width="9" style="1"/>
    <col min="2049" max="2049" width="4.6328125" style="1" customWidth="1"/>
    <col min="2050" max="2050" width="12.6328125" style="1" customWidth="1"/>
    <col min="2051" max="2051" width="9.08984375" style="1" customWidth="1"/>
    <col min="2052" max="2052" width="6.6328125" style="1" customWidth="1"/>
    <col min="2053" max="2053" width="8.6328125" style="1" customWidth="1"/>
    <col min="2054" max="2054" width="6.6328125" style="1" customWidth="1"/>
    <col min="2055" max="2055" width="8.6328125" style="1" customWidth="1"/>
    <col min="2056" max="2056" width="6.6328125" style="1" customWidth="1"/>
    <col min="2057" max="2057" width="8.6328125" style="1" customWidth="1"/>
    <col min="2058" max="2058" width="6.6328125" style="1" customWidth="1"/>
    <col min="2059" max="2059" width="8.6328125" style="1" customWidth="1"/>
    <col min="2060" max="2060" width="6.6328125" style="1" customWidth="1"/>
    <col min="2061" max="2061" width="8.6328125" style="1" customWidth="1"/>
    <col min="2062" max="2062" width="6.6328125" style="1" customWidth="1"/>
    <col min="2063" max="2063" width="8.6328125" style="1" customWidth="1"/>
    <col min="2064" max="2064" width="6.6328125" style="1" customWidth="1"/>
    <col min="2065" max="2065" width="8.6328125" style="1" customWidth="1"/>
    <col min="2066" max="2066" width="6.6328125" style="1" customWidth="1"/>
    <col min="2067" max="2068" width="8.6328125" style="1" customWidth="1"/>
    <col min="2069" max="2069" width="10.6328125" style="1" customWidth="1"/>
    <col min="2070" max="2070" width="4.6328125" style="1" customWidth="1"/>
    <col min="2071" max="2075" width="12.6328125" style="1" customWidth="1"/>
    <col min="2076" max="2076" width="8.6328125" style="1" customWidth="1"/>
    <col min="2077" max="2077" width="12.6328125" style="1" customWidth="1"/>
    <col min="2078" max="2078" width="4.453125" style="1" bestFit="1" customWidth="1"/>
    <col min="2079" max="2304" width="9" style="1"/>
    <col min="2305" max="2305" width="4.6328125" style="1" customWidth="1"/>
    <col min="2306" max="2306" width="12.6328125" style="1" customWidth="1"/>
    <col min="2307" max="2307" width="9.08984375" style="1" customWidth="1"/>
    <col min="2308" max="2308" width="6.6328125" style="1" customWidth="1"/>
    <col min="2309" max="2309" width="8.6328125" style="1" customWidth="1"/>
    <col min="2310" max="2310" width="6.6328125" style="1" customWidth="1"/>
    <col min="2311" max="2311" width="8.6328125" style="1" customWidth="1"/>
    <col min="2312" max="2312" width="6.6328125" style="1" customWidth="1"/>
    <col min="2313" max="2313" width="8.6328125" style="1" customWidth="1"/>
    <col min="2314" max="2314" width="6.6328125" style="1" customWidth="1"/>
    <col min="2315" max="2315" width="8.6328125" style="1" customWidth="1"/>
    <col min="2316" max="2316" width="6.6328125" style="1" customWidth="1"/>
    <col min="2317" max="2317" width="8.6328125" style="1" customWidth="1"/>
    <col min="2318" max="2318" width="6.6328125" style="1" customWidth="1"/>
    <col min="2319" max="2319" width="8.6328125" style="1" customWidth="1"/>
    <col min="2320" max="2320" width="6.6328125" style="1" customWidth="1"/>
    <col min="2321" max="2321" width="8.6328125" style="1" customWidth="1"/>
    <col min="2322" max="2322" width="6.6328125" style="1" customWidth="1"/>
    <col min="2323" max="2324" width="8.6328125" style="1" customWidth="1"/>
    <col min="2325" max="2325" width="10.6328125" style="1" customWidth="1"/>
    <col min="2326" max="2326" width="4.6328125" style="1" customWidth="1"/>
    <col min="2327" max="2331" width="12.6328125" style="1" customWidth="1"/>
    <col min="2332" max="2332" width="8.6328125" style="1" customWidth="1"/>
    <col min="2333" max="2333" width="12.6328125" style="1" customWidth="1"/>
    <col min="2334" max="2334" width="4.453125" style="1" bestFit="1" customWidth="1"/>
    <col min="2335" max="2560" width="9" style="1"/>
    <col min="2561" max="2561" width="4.6328125" style="1" customWidth="1"/>
    <col min="2562" max="2562" width="12.6328125" style="1" customWidth="1"/>
    <col min="2563" max="2563" width="9.08984375" style="1" customWidth="1"/>
    <col min="2564" max="2564" width="6.6328125" style="1" customWidth="1"/>
    <col min="2565" max="2565" width="8.6328125" style="1" customWidth="1"/>
    <col min="2566" max="2566" width="6.6328125" style="1" customWidth="1"/>
    <col min="2567" max="2567" width="8.6328125" style="1" customWidth="1"/>
    <col min="2568" max="2568" width="6.6328125" style="1" customWidth="1"/>
    <col min="2569" max="2569" width="8.6328125" style="1" customWidth="1"/>
    <col min="2570" max="2570" width="6.6328125" style="1" customWidth="1"/>
    <col min="2571" max="2571" width="8.6328125" style="1" customWidth="1"/>
    <col min="2572" max="2572" width="6.6328125" style="1" customWidth="1"/>
    <col min="2573" max="2573" width="8.6328125" style="1" customWidth="1"/>
    <col min="2574" max="2574" width="6.6328125" style="1" customWidth="1"/>
    <col min="2575" max="2575" width="8.6328125" style="1" customWidth="1"/>
    <col min="2576" max="2576" width="6.6328125" style="1" customWidth="1"/>
    <col min="2577" max="2577" width="8.6328125" style="1" customWidth="1"/>
    <col min="2578" max="2578" width="6.6328125" style="1" customWidth="1"/>
    <col min="2579" max="2580" width="8.6328125" style="1" customWidth="1"/>
    <col min="2581" max="2581" width="10.6328125" style="1" customWidth="1"/>
    <col min="2582" max="2582" width="4.6328125" style="1" customWidth="1"/>
    <col min="2583" max="2587" width="12.6328125" style="1" customWidth="1"/>
    <col min="2588" max="2588" width="8.6328125" style="1" customWidth="1"/>
    <col min="2589" max="2589" width="12.6328125" style="1" customWidth="1"/>
    <col min="2590" max="2590" width="4.453125" style="1" bestFit="1" customWidth="1"/>
    <col min="2591" max="2816" width="9" style="1"/>
    <col min="2817" max="2817" width="4.6328125" style="1" customWidth="1"/>
    <col min="2818" max="2818" width="12.6328125" style="1" customWidth="1"/>
    <col min="2819" max="2819" width="9.08984375" style="1" customWidth="1"/>
    <col min="2820" max="2820" width="6.6328125" style="1" customWidth="1"/>
    <col min="2821" max="2821" width="8.6328125" style="1" customWidth="1"/>
    <col min="2822" max="2822" width="6.6328125" style="1" customWidth="1"/>
    <col min="2823" max="2823" width="8.6328125" style="1" customWidth="1"/>
    <col min="2824" max="2824" width="6.6328125" style="1" customWidth="1"/>
    <col min="2825" max="2825" width="8.6328125" style="1" customWidth="1"/>
    <col min="2826" max="2826" width="6.6328125" style="1" customWidth="1"/>
    <col min="2827" max="2827" width="8.6328125" style="1" customWidth="1"/>
    <col min="2828" max="2828" width="6.6328125" style="1" customWidth="1"/>
    <col min="2829" max="2829" width="8.6328125" style="1" customWidth="1"/>
    <col min="2830" max="2830" width="6.6328125" style="1" customWidth="1"/>
    <col min="2831" max="2831" width="8.6328125" style="1" customWidth="1"/>
    <col min="2832" max="2832" width="6.6328125" style="1" customWidth="1"/>
    <col min="2833" max="2833" width="8.6328125" style="1" customWidth="1"/>
    <col min="2834" max="2834" width="6.6328125" style="1" customWidth="1"/>
    <col min="2835" max="2836" width="8.6328125" style="1" customWidth="1"/>
    <col min="2837" max="2837" width="10.6328125" style="1" customWidth="1"/>
    <col min="2838" max="2838" width="4.6328125" style="1" customWidth="1"/>
    <col min="2839" max="2843" width="12.6328125" style="1" customWidth="1"/>
    <col min="2844" max="2844" width="8.6328125" style="1" customWidth="1"/>
    <col min="2845" max="2845" width="12.6328125" style="1" customWidth="1"/>
    <col min="2846" max="2846" width="4.453125" style="1" bestFit="1" customWidth="1"/>
    <col min="2847" max="3072" width="9" style="1"/>
    <col min="3073" max="3073" width="4.6328125" style="1" customWidth="1"/>
    <col min="3074" max="3074" width="12.6328125" style="1" customWidth="1"/>
    <col min="3075" max="3075" width="9.08984375" style="1" customWidth="1"/>
    <col min="3076" max="3076" width="6.6328125" style="1" customWidth="1"/>
    <col min="3077" max="3077" width="8.6328125" style="1" customWidth="1"/>
    <col min="3078" max="3078" width="6.6328125" style="1" customWidth="1"/>
    <col min="3079" max="3079" width="8.6328125" style="1" customWidth="1"/>
    <col min="3080" max="3080" width="6.6328125" style="1" customWidth="1"/>
    <col min="3081" max="3081" width="8.6328125" style="1" customWidth="1"/>
    <col min="3082" max="3082" width="6.6328125" style="1" customWidth="1"/>
    <col min="3083" max="3083" width="8.6328125" style="1" customWidth="1"/>
    <col min="3084" max="3084" width="6.6328125" style="1" customWidth="1"/>
    <col min="3085" max="3085" width="8.6328125" style="1" customWidth="1"/>
    <col min="3086" max="3086" width="6.6328125" style="1" customWidth="1"/>
    <col min="3087" max="3087" width="8.6328125" style="1" customWidth="1"/>
    <col min="3088" max="3088" width="6.6328125" style="1" customWidth="1"/>
    <col min="3089" max="3089" width="8.6328125" style="1" customWidth="1"/>
    <col min="3090" max="3090" width="6.6328125" style="1" customWidth="1"/>
    <col min="3091" max="3092" width="8.6328125" style="1" customWidth="1"/>
    <col min="3093" max="3093" width="10.6328125" style="1" customWidth="1"/>
    <col min="3094" max="3094" width="4.6328125" style="1" customWidth="1"/>
    <col min="3095" max="3099" width="12.6328125" style="1" customWidth="1"/>
    <col min="3100" max="3100" width="8.6328125" style="1" customWidth="1"/>
    <col min="3101" max="3101" width="12.6328125" style="1" customWidth="1"/>
    <col min="3102" max="3102" width="4.453125" style="1" bestFit="1" customWidth="1"/>
    <col min="3103" max="3328" width="9" style="1"/>
    <col min="3329" max="3329" width="4.6328125" style="1" customWidth="1"/>
    <col min="3330" max="3330" width="12.6328125" style="1" customWidth="1"/>
    <col min="3331" max="3331" width="9.08984375" style="1" customWidth="1"/>
    <col min="3332" max="3332" width="6.6328125" style="1" customWidth="1"/>
    <col min="3333" max="3333" width="8.6328125" style="1" customWidth="1"/>
    <col min="3334" max="3334" width="6.6328125" style="1" customWidth="1"/>
    <col min="3335" max="3335" width="8.6328125" style="1" customWidth="1"/>
    <col min="3336" max="3336" width="6.6328125" style="1" customWidth="1"/>
    <col min="3337" max="3337" width="8.6328125" style="1" customWidth="1"/>
    <col min="3338" max="3338" width="6.6328125" style="1" customWidth="1"/>
    <col min="3339" max="3339" width="8.6328125" style="1" customWidth="1"/>
    <col min="3340" max="3340" width="6.6328125" style="1" customWidth="1"/>
    <col min="3341" max="3341" width="8.6328125" style="1" customWidth="1"/>
    <col min="3342" max="3342" width="6.6328125" style="1" customWidth="1"/>
    <col min="3343" max="3343" width="8.6328125" style="1" customWidth="1"/>
    <col min="3344" max="3344" width="6.6328125" style="1" customWidth="1"/>
    <col min="3345" max="3345" width="8.6328125" style="1" customWidth="1"/>
    <col min="3346" max="3346" width="6.6328125" style="1" customWidth="1"/>
    <col min="3347" max="3348" width="8.6328125" style="1" customWidth="1"/>
    <col min="3349" max="3349" width="10.6328125" style="1" customWidth="1"/>
    <col min="3350" max="3350" width="4.6328125" style="1" customWidth="1"/>
    <col min="3351" max="3355" width="12.6328125" style="1" customWidth="1"/>
    <col min="3356" max="3356" width="8.6328125" style="1" customWidth="1"/>
    <col min="3357" max="3357" width="12.6328125" style="1" customWidth="1"/>
    <col min="3358" max="3358" width="4.453125" style="1" bestFit="1" customWidth="1"/>
    <col min="3359" max="3584" width="9" style="1"/>
    <col min="3585" max="3585" width="4.6328125" style="1" customWidth="1"/>
    <col min="3586" max="3586" width="12.6328125" style="1" customWidth="1"/>
    <col min="3587" max="3587" width="9.08984375" style="1" customWidth="1"/>
    <col min="3588" max="3588" width="6.6328125" style="1" customWidth="1"/>
    <col min="3589" max="3589" width="8.6328125" style="1" customWidth="1"/>
    <col min="3590" max="3590" width="6.6328125" style="1" customWidth="1"/>
    <col min="3591" max="3591" width="8.6328125" style="1" customWidth="1"/>
    <col min="3592" max="3592" width="6.6328125" style="1" customWidth="1"/>
    <col min="3593" max="3593" width="8.6328125" style="1" customWidth="1"/>
    <col min="3594" max="3594" width="6.6328125" style="1" customWidth="1"/>
    <col min="3595" max="3595" width="8.6328125" style="1" customWidth="1"/>
    <col min="3596" max="3596" width="6.6328125" style="1" customWidth="1"/>
    <col min="3597" max="3597" width="8.6328125" style="1" customWidth="1"/>
    <col min="3598" max="3598" width="6.6328125" style="1" customWidth="1"/>
    <col min="3599" max="3599" width="8.6328125" style="1" customWidth="1"/>
    <col min="3600" max="3600" width="6.6328125" style="1" customWidth="1"/>
    <col min="3601" max="3601" width="8.6328125" style="1" customWidth="1"/>
    <col min="3602" max="3602" width="6.6328125" style="1" customWidth="1"/>
    <col min="3603" max="3604" width="8.6328125" style="1" customWidth="1"/>
    <col min="3605" max="3605" width="10.6328125" style="1" customWidth="1"/>
    <col min="3606" max="3606" width="4.6328125" style="1" customWidth="1"/>
    <col min="3607" max="3611" width="12.6328125" style="1" customWidth="1"/>
    <col min="3612" max="3612" width="8.6328125" style="1" customWidth="1"/>
    <col min="3613" max="3613" width="12.6328125" style="1" customWidth="1"/>
    <col min="3614" max="3614" width="4.453125" style="1" bestFit="1" customWidth="1"/>
    <col min="3615" max="3840" width="9" style="1"/>
    <col min="3841" max="3841" width="4.6328125" style="1" customWidth="1"/>
    <col min="3842" max="3842" width="12.6328125" style="1" customWidth="1"/>
    <col min="3843" max="3843" width="9.08984375" style="1" customWidth="1"/>
    <col min="3844" max="3844" width="6.6328125" style="1" customWidth="1"/>
    <col min="3845" max="3845" width="8.6328125" style="1" customWidth="1"/>
    <col min="3846" max="3846" width="6.6328125" style="1" customWidth="1"/>
    <col min="3847" max="3847" width="8.6328125" style="1" customWidth="1"/>
    <col min="3848" max="3848" width="6.6328125" style="1" customWidth="1"/>
    <col min="3849" max="3849" width="8.6328125" style="1" customWidth="1"/>
    <col min="3850" max="3850" width="6.6328125" style="1" customWidth="1"/>
    <col min="3851" max="3851" width="8.6328125" style="1" customWidth="1"/>
    <col min="3852" max="3852" width="6.6328125" style="1" customWidth="1"/>
    <col min="3853" max="3853" width="8.6328125" style="1" customWidth="1"/>
    <col min="3854" max="3854" width="6.6328125" style="1" customWidth="1"/>
    <col min="3855" max="3855" width="8.6328125" style="1" customWidth="1"/>
    <col min="3856" max="3856" width="6.6328125" style="1" customWidth="1"/>
    <col min="3857" max="3857" width="8.6328125" style="1" customWidth="1"/>
    <col min="3858" max="3858" width="6.6328125" style="1" customWidth="1"/>
    <col min="3859" max="3860" width="8.6328125" style="1" customWidth="1"/>
    <col min="3861" max="3861" width="10.6328125" style="1" customWidth="1"/>
    <col min="3862" max="3862" width="4.6328125" style="1" customWidth="1"/>
    <col min="3863" max="3867" width="12.6328125" style="1" customWidth="1"/>
    <col min="3868" max="3868" width="8.6328125" style="1" customWidth="1"/>
    <col min="3869" max="3869" width="12.6328125" style="1" customWidth="1"/>
    <col min="3870" max="3870" width="4.453125" style="1" bestFit="1" customWidth="1"/>
    <col min="3871" max="4096" width="9" style="1"/>
    <col min="4097" max="4097" width="4.6328125" style="1" customWidth="1"/>
    <col min="4098" max="4098" width="12.6328125" style="1" customWidth="1"/>
    <col min="4099" max="4099" width="9.08984375" style="1" customWidth="1"/>
    <col min="4100" max="4100" width="6.6328125" style="1" customWidth="1"/>
    <col min="4101" max="4101" width="8.6328125" style="1" customWidth="1"/>
    <col min="4102" max="4102" width="6.6328125" style="1" customWidth="1"/>
    <col min="4103" max="4103" width="8.6328125" style="1" customWidth="1"/>
    <col min="4104" max="4104" width="6.6328125" style="1" customWidth="1"/>
    <col min="4105" max="4105" width="8.6328125" style="1" customWidth="1"/>
    <col min="4106" max="4106" width="6.6328125" style="1" customWidth="1"/>
    <col min="4107" max="4107" width="8.6328125" style="1" customWidth="1"/>
    <col min="4108" max="4108" width="6.6328125" style="1" customWidth="1"/>
    <col min="4109" max="4109" width="8.6328125" style="1" customWidth="1"/>
    <col min="4110" max="4110" width="6.6328125" style="1" customWidth="1"/>
    <col min="4111" max="4111" width="8.6328125" style="1" customWidth="1"/>
    <col min="4112" max="4112" width="6.6328125" style="1" customWidth="1"/>
    <col min="4113" max="4113" width="8.6328125" style="1" customWidth="1"/>
    <col min="4114" max="4114" width="6.6328125" style="1" customWidth="1"/>
    <col min="4115" max="4116" width="8.6328125" style="1" customWidth="1"/>
    <col min="4117" max="4117" width="10.6328125" style="1" customWidth="1"/>
    <col min="4118" max="4118" width="4.6328125" style="1" customWidth="1"/>
    <col min="4119" max="4123" width="12.6328125" style="1" customWidth="1"/>
    <col min="4124" max="4124" width="8.6328125" style="1" customWidth="1"/>
    <col min="4125" max="4125" width="12.6328125" style="1" customWidth="1"/>
    <col min="4126" max="4126" width="4.453125" style="1" bestFit="1" customWidth="1"/>
    <col min="4127" max="4352" width="9" style="1"/>
    <col min="4353" max="4353" width="4.6328125" style="1" customWidth="1"/>
    <col min="4354" max="4354" width="12.6328125" style="1" customWidth="1"/>
    <col min="4355" max="4355" width="9.08984375" style="1" customWidth="1"/>
    <col min="4356" max="4356" width="6.6328125" style="1" customWidth="1"/>
    <col min="4357" max="4357" width="8.6328125" style="1" customWidth="1"/>
    <col min="4358" max="4358" width="6.6328125" style="1" customWidth="1"/>
    <col min="4359" max="4359" width="8.6328125" style="1" customWidth="1"/>
    <col min="4360" max="4360" width="6.6328125" style="1" customWidth="1"/>
    <col min="4361" max="4361" width="8.6328125" style="1" customWidth="1"/>
    <col min="4362" max="4362" width="6.6328125" style="1" customWidth="1"/>
    <col min="4363" max="4363" width="8.6328125" style="1" customWidth="1"/>
    <col min="4364" max="4364" width="6.6328125" style="1" customWidth="1"/>
    <col min="4365" max="4365" width="8.6328125" style="1" customWidth="1"/>
    <col min="4366" max="4366" width="6.6328125" style="1" customWidth="1"/>
    <col min="4367" max="4367" width="8.6328125" style="1" customWidth="1"/>
    <col min="4368" max="4368" width="6.6328125" style="1" customWidth="1"/>
    <col min="4369" max="4369" width="8.6328125" style="1" customWidth="1"/>
    <col min="4370" max="4370" width="6.6328125" style="1" customWidth="1"/>
    <col min="4371" max="4372" width="8.6328125" style="1" customWidth="1"/>
    <col min="4373" max="4373" width="10.6328125" style="1" customWidth="1"/>
    <col min="4374" max="4374" width="4.6328125" style="1" customWidth="1"/>
    <col min="4375" max="4379" width="12.6328125" style="1" customWidth="1"/>
    <col min="4380" max="4380" width="8.6328125" style="1" customWidth="1"/>
    <col min="4381" max="4381" width="12.6328125" style="1" customWidth="1"/>
    <col min="4382" max="4382" width="4.453125" style="1" bestFit="1" customWidth="1"/>
    <col min="4383" max="4608" width="9" style="1"/>
    <col min="4609" max="4609" width="4.6328125" style="1" customWidth="1"/>
    <col min="4610" max="4610" width="12.6328125" style="1" customWidth="1"/>
    <col min="4611" max="4611" width="9.08984375" style="1" customWidth="1"/>
    <col min="4612" max="4612" width="6.6328125" style="1" customWidth="1"/>
    <col min="4613" max="4613" width="8.6328125" style="1" customWidth="1"/>
    <col min="4614" max="4614" width="6.6328125" style="1" customWidth="1"/>
    <col min="4615" max="4615" width="8.6328125" style="1" customWidth="1"/>
    <col min="4616" max="4616" width="6.6328125" style="1" customWidth="1"/>
    <col min="4617" max="4617" width="8.6328125" style="1" customWidth="1"/>
    <col min="4618" max="4618" width="6.6328125" style="1" customWidth="1"/>
    <col min="4619" max="4619" width="8.6328125" style="1" customWidth="1"/>
    <col min="4620" max="4620" width="6.6328125" style="1" customWidth="1"/>
    <col min="4621" max="4621" width="8.6328125" style="1" customWidth="1"/>
    <col min="4622" max="4622" width="6.6328125" style="1" customWidth="1"/>
    <col min="4623" max="4623" width="8.6328125" style="1" customWidth="1"/>
    <col min="4624" max="4624" width="6.6328125" style="1" customWidth="1"/>
    <col min="4625" max="4625" width="8.6328125" style="1" customWidth="1"/>
    <col min="4626" max="4626" width="6.6328125" style="1" customWidth="1"/>
    <col min="4627" max="4628" width="8.6328125" style="1" customWidth="1"/>
    <col min="4629" max="4629" width="10.6328125" style="1" customWidth="1"/>
    <col min="4630" max="4630" width="4.6328125" style="1" customWidth="1"/>
    <col min="4631" max="4635" width="12.6328125" style="1" customWidth="1"/>
    <col min="4636" max="4636" width="8.6328125" style="1" customWidth="1"/>
    <col min="4637" max="4637" width="12.6328125" style="1" customWidth="1"/>
    <col min="4638" max="4638" width="4.453125" style="1" bestFit="1" customWidth="1"/>
    <col min="4639" max="4864" width="9" style="1"/>
    <col min="4865" max="4865" width="4.6328125" style="1" customWidth="1"/>
    <col min="4866" max="4866" width="12.6328125" style="1" customWidth="1"/>
    <col min="4867" max="4867" width="9.08984375" style="1" customWidth="1"/>
    <col min="4868" max="4868" width="6.6328125" style="1" customWidth="1"/>
    <col min="4869" max="4869" width="8.6328125" style="1" customWidth="1"/>
    <col min="4870" max="4870" width="6.6328125" style="1" customWidth="1"/>
    <col min="4871" max="4871" width="8.6328125" style="1" customWidth="1"/>
    <col min="4872" max="4872" width="6.6328125" style="1" customWidth="1"/>
    <col min="4873" max="4873" width="8.6328125" style="1" customWidth="1"/>
    <col min="4874" max="4874" width="6.6328125" style="1" customWidth="1"/>
    <col min="4875" max="4875" width="8.6328125" style="1" customWidth="1"/>
    <col min="4876" max="4876" width="6.6328125" style="1" customWidth="1"/>
    <col min="4877" max="4877" width="8.6328125" style="1" customWidth="1"/>
    <col min="4878" max="4878" width="6.6328125" style="1" customWidth="1"/>
    <col min="4879" max="4879" width="8.6328125" style="1" customWidth="1"/>
    <col min="4880" max="4880" width="6.6328125" style="1" customWidth="1"/>
    <col min="4881" max="4881" width="8.6328125" style="1" customWidth="1"/>
    <col min="4882" max="4882" width="6.6328125" style="1" customWidth="1"/>
    <col min="4883" max="4884" width="8.6328125" style="1" customWidth="1"/>
    <col min="4885" max="4885" width="10.6328125" style="1" customWidth="1"/>
    <col min="4886" max="4886" width="4.6328125" style="1" customWidth="1"/>
    <col min="4887" max="4891" width="12.6328125" style="1" customWidth="1"/>
    <col min="4892" max="4892" width="8.6328125" style="1" customWidth="1"/>
    <col min="4893" max="4893" width="12.6328125" style="1" customWidth="1"/>
    <col min="4894" max="4894" width="4.453125" style="1" bestFit="1" customWidth="1"/>
    <col min="4895" max="5120" width="9" style="1"/>
    <col min="5121" max="5121" width="4.6328125" style="1" customWidth="1"/>
    <col min="5122" max="5122" width="12.6328125" style="1" customWidth="1"/>
    <col min="5123" max="5123" width="9.08984375" style="1" customWidth="1"/>
    <col min="5124" max="5124" width="6.6328125" style="1" customWidth="1"/>
    <col min="5125" max="5125" width="8.6328125" style="1" customWidth="1"/>
    <col min="5126" max="5126" width="6.6328125" style="1" customWidth="1"/>
    <col min="5127" max="5127" width="8.6328125" style="1" customWidth="1"/>
    <col min="5128" max="5128" width="6.6328125" style="1" customWidth="1"/>
    <col min="5129" max="5129" width="8.6328125" style="1" customWidth="1"/>
    <col min="5130" max="5130" width="6.6328125" style="1" customWidth="1"/>
    <col min="5131" max="5131" width="8.6328125" style="1" customWidth="1"/>
    <col min="5132" max="5132" width="6.6328125" style="1" customWidth="1"/>
    <col min="5133" max="5133" width="8.6328125" style="1" customWidth="1"/>
    <col min="5134" max="5134" width="6.6328125" style="1" customWidth="1"/>
    <col min="5135" max="5135" width="8.6328125" style="1" customWidth="1"/>
    <col min="5136" max="5136" width="6.6328125" style="1" customWidth="1"/>
    <col min="5137" max="5137" width="8.6328125" style="1" customWidth="1"/>
    <col min="5138" max="5138" width="6.6328125" style="1" customWidth="1"/>
    <col min="5139" max="5140" width="8.6328125" style="1" customWidth="1"/>
    <col min="5141" max="5141" width="10.6328125" style="1" customWidth="1"/>
    <col min="5142" max="5142" width="4.6328125" style="1" customWidth="1"/>
    <col min="5143" max="5147" width="12.6328125" style="1" customWidth="1"/>
    <col min="5148" max="5148" width="8.6328125" style="1" customWidth="1"/>
    <col min="5149" max="5149" width="12.6328125" style="1" customWidth="1"/>
    <col min="5150" max="5150" width="4.453125" style="1" bestFit="1" customWidth="1"/>
    <col min="5151" max="5376" width="9" style="1"/>
    <col min="5377" max="5377" width="4.6328125" style="1" customWidth="1"/>
    <col min="5378" max="5378" width="12.6328125" style="1" customWidth="1"/>
    <col min="5379" max="5379" width="9.08984375" style="1" customWidth="1"/>
    <col min="5380" max="5380" width="6.6328125" style="1" customWidth="1"/>
    <col min="5381" max="5381" width="8.6328125" style="1" customWidth="1"/>
    <col min="5382" max="5382" width="6.6328125" style="1" customWidth="1"/>
    <col min="5383" max="5383" width="8.6328125" style="1" customWidth="1"/>
    <col min="5384" max="5384" width="6.6328125" style="1" customWidth="1"/>
    <col min="5385" max="5385" width="8.6328125" style="1" customWidth="1"/>
    <col min="5386" max="5386" width="6.6328125" style="1" customWidth="1"/>
    <col min="5387" max="5387" width="8.6328125" style="1" customWidth="1"/>
    <col min="5388" max="5388" width="6.6328125" style="1" customWidth="1"/>
    <col min="5389" max="5389" width="8.6328125" style="1" customWidth="1"/>
    <col min="5390" max="5390" width="6.6328125" style="1" customWidth="1"/>
    <col min="5391" max="5391" width="8.6328125" style="1" customWidth="1"/>
    <col min="5392" max="5392" width="6.6328125" style="1" customWidth="1"/>
    <col min="5393" max="5393" width="8.6328125" style="1" customWidth="1"/>
    <col min="5394" max="5394" width="6.6328125" style="1" customWidth="1"/>
    <col min="5395" max="5396" width="8.6328125" style="1" customWidth="1"/>
    <col min="5397" max="5397" width="10.6328125" style="1" customWidth="1"/>
    <col min="5398" max="5398" width="4.6328125" style="1" customWidth="1"/>
    <col min="5399" max="5403" width="12.6328125" style="1" customWidth="1"/>
    <col min="5404" max="5404" width="8.6328125" style="1" customWidth="1"/>
    <col min="5405" max="5405" width="12.6328125" style="1" customWidth="1"/>
    <col min="5406" max="5406" width="4.453125" style="1" bestFit="1" customWidth="1"/>
    <col min="5407" max="5632" width="9" style="1"/>
    <col min="5633" max="5633" width="4.6328125" style="1" customWidth="1"/>
    <col min="5634" max="5634" width="12.6328125" style="1" customWidth="1"/>
    <col min="5635" max="5635" width="9.08984375" style="1" customWidth="1"/>
    <col min="5636" max="5636" width="6.6328125" style="1" customWidth="1"/>
    <col min="5637" max="5637" width="8.6328125" style="1" customWidth="1"/>
    <col min="5638" max="5638" width="6.6328125" style="1" customWidth="1"/>
    <col min="5639" max="5639" width="8.6328125" style="1" customWidth="1"/>
    <col min="5640" max="5640" width="6.6328125" style="1" customWidth="1"/>
    <col min="5641" max="5641" width="8.6328125" style="1" customWidth="1"/>
    <col min="5642" max="5642" width="6.6328125" style="1" customWidth="1"/>
    <col min="5643" max="5643" width="8.6328125" style="1" customWidth="1"/>
    <col min="5644" max="5644" width="6.6328125" style="1" customWidth="1"/>
    <col min="5645" max="5645" width="8.6328125" style="1" customWidth="1"/>
    <col min="5646" max="5646" width="6.6328125" style="1" customWidth="1"/>
    <col min="5647" max="5647" width="8.6328125" style="1" customWidth="1"/>
    <col min="5648" max="5648" width="6.6328125" style="1" customWidth="1"/>
    <col min="5649" max="5649" width="8.6328125" style="1" customWidth="1"/>
    <col min="5650" max="5650" width="6.6328125" style="1" customWidth="1"/>
    <col min="5651" max="5652" width="8.6328125" style="1" customWidth="1"/>
    <col min="5653" max="5653" width="10.6328125" style="1" customWidth="1"/>
    <col min="5654" max="5654" width="4.6328125" style="1" customWidth="1"/>
    <col min="5655" max="5659" width="12.6328125" style="1" customWidth="1"/>
    <col min="5660" max="5660" width="8.6328125" style="1" customWidth="1"/>
    <col min="5661" max="5661" width="12.6328125" style="1" customWidth="1"/>
    <col min="5662" max="5662" width="4.453125" style="1" bestFit="1" customWidth="1"/>
    <col min="5663" max="5888" width="9" style="1"/>
    <col min="5889" max="5889" width="4.6328125" style="1" customWidth="1"/>
    <col min="5890" max="5890" width="12.6328125" style="1" customWidth="1"/>
    <col min="5891" max="5891" width="9.08984375" style="1" customWidth="1"/>
    <col min="5892" max="5892" width="6.6328125" style="1" customWidth="1"/>
    <col min="5893" max="5893" width="8.6328125" style="1" customWidth="1"/>
    <col min="5894" max="5894" width="6.6328125" style="1" customWidth="1"/>
    <col min="5895" max="5895" width="8.6328125" style="1" customWidth="1"/>
    <col min="5896" max="5896" width="6.6328125" style="1" customWidth="1"/>
    <col min="5897" max="5897" width="8.6328125" style="1" customWidth="1"/>
    <col min="5898" max="5898" width="6.6328125" style="1" customWidth="1"/>
    <col min="5899" max="5899" width="8.6328125" style="1" customWidth="1"/>
    <col min="5900" max="5900" width="6.6328125" style="1" customWidth="1"/>
    <col min="5901" max="5901" width="8.6328125" style="1" customWidth="1"/>
    <col min="5902" max="5902" width="6.6328125" style="1" customWidth="1"/>
    <col min="5903" max="5903" width="8.6328125" style="1" customWidth="1"/>
    <col min="5904" max="5904" width="6.6328125" style="1" customWidth="1"/>
    <col min="5905" max="5905" width="8.6328125" style="1" customWidth="1"/>
    <col min="5906" max="5906" width="6.6328125" style="1" customWidth="1"/>
    <col min="5907" max="5908" width="8.6328125" style="1" customWidth="1"/>
    <col min="5909" max="5909" width="10.6328125" style="1" customWidth="1"/>
    <col min="5910" max="5910" width="4.6328125" style="1" customWidth="1"/>
    <col min="5911" max="5915" width="12.6328125" style="1" customWidth="1"/>
    <col min="5916" max="5916" width="8.6328125" style="1" customWidth="1"/>
    <col min="5917" max="5917" width="12.6328125" style="1" customWidth="1"/>
    <col min="5918" max="5918" width="4.453125" style="1" bestFit="1" customWidth="1"/>
    <col min="5919" max="6144" width="9" style="1"/>
    <col min="6145" max="6145" width="4.6328125" style="1" customWidth="1"/>
    <col min="6146" max="6146" width="12.6328125" style="1" customWidth="1"/>
    <col min="6147" max="6147" width="9.08984375" style="1" customWidth="1"/>
    <col min="6148" max="6148" width="6.6328125" style="1" customWidth="1"/>
    <col min="6149" max="6149" width="8.6328125" style="1" customWidth="1"/>
    <col min="6150" max="6150" width="6.6328125" style="1" customWidth="1"/>
    <col min="6151" max="6151" width="8.6328125" style="1" customWidth="1"/>
    <col min="6152" max="6152" width="6.6328125" style="1" customWidth="1"/>
    <col min="6153" max="6153" width="8.6328125" style="1" customWidth="1"/>
    <col min="6154" max="6154" width="6.6328125" style="1" customWidth="1"/>
    <col min="6155" max="6155" width="8.6328125" style="1" customWidth="1"/>
    <col min="6156" max="6156" width="6.6328125" style="1" customWidth="1"/>
    <col min="6157" max="6157" width="8.6328125" style="1" customWidth="1"/>
    <col min="6158" max="6158" width="6.6328125" style="1" customWidth="1"/>
    <col min="6159" max="6159" width="8.6328125" style="1" customWidth="1"/>
    <col min="6160" max="6160" width="6.6328125" style="1" customWidth="1"/>
    <col min="6161" max="6161" width="8.6328125" style="1" customWidth="1"/>
    <col min="6162" max="6162" width="6.6328125" style="1" customWidth="1"/>
    <col min="6163" max="6164" width="8.6328125" style="1" customWidth="1"/>
    <col min="6165" max="6165" width="10.6328125" style="1" customWidth="1"/>
    <col min="6166" max="6166" width="4.6328125" style="1" customWidth="1"/>
    <col min="6167" max="6171" width="12.6328125" style="1" customWidth="1"/>
    <col min="6172" max="6172" width="8.6328125" style="1" customWidth="1"/>
    <col min="6173" max="6173" width="12.6328125" style="1" customWidth="1"/>
    <col min="6174" max="6174" width="4.453125" style="1" bestFit="1" customWidth="1"/>
    <col min="6175" max="6400" width="9" style="1"/>
    <col min="6401" max="6401" width="4.6328125" style="1" customWidth="1"/>
    <col min="6402" max="6402" width="12.6328125" style="1" customWidth="1"/>
    <col min="6403" max="6403" width="9.08984375" style="1" customWidth="1"/>
    <col min="6404" max="6404" width="6.6328125" style="1" customWidth="1"/>
    <col min="6405" max="6405" width="8.6328125" style="1" customWidth="1"/>
    <col min="6406" max="6406" width="6.6328125" style="1" customWidth="1"/>
    <col min="6407" max="6407" width="8.6328125" style="1" customWidth="1"/>
    <col min="6408" max="6408" width="6.6328125" style="1" customWidth="1"/>
    <col min="6409" max="6409" width="8.6328125" style="1" customWidth="1"/>
    <col min="6410" max="6410" width="6.6328125" style="1" customWidth="1"/>
    <col min="6411" max="6411" width="8.6328125" style="1" customWidth="1"/>
    <col min="6412" max="6412" width="6.6328125" style="1" customWidth="1"/>
    <col min="6413" max="6413" width="8.6328125" style="1" customWidth="1"/>
    <col min="6414" max="6414" width="6.6328125" style="1" customWidth="1"/>
    <col min="6415" max="6415" width="8.6328125" style="1" customWidth="1"/>
    <col min="6416" max="6416" width="6.6328125" style="1" customWidth="1"/>
    <col min="6417" max="6417" width="8.6328125" style="1" customWidth="1"/>
    <col min="6418" max="6418" width="6.6328125" style="1" customWidth="1"/>
    <col min="6419" max="6420" width="8.6328125" style="1" customWidth="1"/>
    <col min="6421" max="6421" width="10.6328125" style="1" customWidth="1"/>
    <col min="6422" max="6422" width="4.6328125" style="1" customWidth="1"/>
    <col min="6423" max="6427" width="12.6328125" style="1" customWidth="1"/>
    <col min="6428" max="6428" width="8.6328125" style="1" customWidth="1"/>
    <col min="6429" max="6429" width="12.6328125" style="1" customWidth="1"/>
    <col min="6430" max="6430" width="4.453125" style="1" bestFit="1" customWidth="1"/>
    <col min="6431" max="6656" width="9" style="1"/>
    <col min="6657" max="6657" width="4.6328125" style="1" customWidth="1"/>
    <col min="6658" max="6658" width="12.6328125" style="1" customWidth="1"/>
    <col min="6659" max="6659" width="9.08984375" style="1" customWidth="1"/>
    <col min="6660" max="6660" width="6.6328125" style="1" customWidth="1"/>
    <col min="6661" max="6661" width="8.6328125" style="1" customWidth="1"/>
    <col min="6662" max="6662" width="6.6328125" style="1" customWidth="1"/>
    <col min="6663" max="6663" width="8.6328125" style="1" customWidth="1"/>
    <col min="6664" max="6664" width="6.6328125" style="1" customWidth="1"/>
    <col min="6665" max="6665" width="8.6328125" style="1" customWidth="1"/>
    <col min="6666" max="6666" width="6.6328125" style="1" customWidth="1"/>
    <col min="6667" max="6667" width="8.6328125" style="1" customWidth="1"/>
    <col min="6668" max="6668" width="6.6328125" style="1" customWidth="1"/>
    <col min="6669" max="6669" width="8.6328125" style="1" customWidth="1"/>
    <col min="6670" max="6670" width="6.6328125" style="1" customWidth="1"/>
    <col min="6671" max="6671" width="8.6328125" style="1" customWidth="1"/>
    <col min="6672" max="6672" width="6.6328125" style="1" customWidth="1"/>
    <col min="6673" max="6673" width="8.6328125" style="1" customWidth="1"/>
    <col min="6674" max="6674" width="6.6328125" style="1" customWidth="1"/>
    <col min="6675" max="6676" width="8.6328125" style="1" customWidth="1"/>
    <col min="6677" max="6677" width="10.6328125" style="1" customWidth="1"/>
    <col min="6678" max="6678" width="4.6328125" style="1" customWidth="1"/>
    <col min="6679" max="6683" width="12.6328125" style="1" customWidth="1"/>
    <col min="6684" max="6684" width="8.6328125" style="1" customWidth="1"/>
    <col min="6685" max="6685" width="12.6328125" style="1" customWidth="1"/>
    <col min="6686" max="6686" width="4.453125" style="1" bestFit="1" customWidth="1"/>
    <col min="6687" max="6912" width="9" style="1"/>
    <col min="6913" max="6913" width="4.6328125" style="1" customWidth="1"/>
    <col min="6914" max="6914" width="12.6328125" style="1" customWidth="1"/>
    <col min="6915" max="6915" width="9.08984375" style="1" customWidth="1"/>
    <col min="6916" max="6916" width="6.6328125" style="1" customWidth="1"/>
    <col min="6917" max="6917" width="8.6328125" style="1" customWidth="1"/>
    <col min="6918" max="6918" width="6.6328125" style="1" customWidth="1"/>
    <col min="6919" max="6919" width="8.6328125" style="1" customWidth="1"/>
    <col min="6920" max="6920" width="6.6328125" style="1" customWidth="1"/>
    <col min="6921" max="6921" width="8.6328125" style="1" customWidth="1"/>
    <col min="6922" max="6922" width="6.6328125" style="1" customWidth="1"/>
    <col min="6923" max="6923" width="8.6328125" style="1" customWidth="1"/>
    <col min="6924" max="6924" width="6.6328125" style="1" customWidth="1"/>
    <col min="6925" max="6925" width="8.6328125" style="1" customWidth="1"/>
    <col min="6926" max="6926" width="6.6328125" style="1" customWidth="1"/>
    <col min="6927" max="6927" width="8.6328125" style="1" customWidth="1"/>
    <col min="6928" max="6928" width="6.6328125" style="1" customWidth="1"/>
    <col min="6929" max="6929" width="8.6328125" style="1" customWidth="1"/>
    <col min="6930" max="6930" width="6.6328125" style="1" customWidth="1"/>
    <col min="6931" max="6932" width="8.6328125" style="1" customWidth="1"/>
    <col min="6933" max="6933" width="10.6328125" style="1" customWidth="1"/>
    <col min="6934" max="6934" width="4.6328125" style="1" customWidth="1"/>
    <col min="6935" max="6939" width="12.6328125" style="1" customWidth="1"/>
    <col min="6940" max="6940" width="8.6328125" style="1" customWidth="1"/>
    <col min="6941" max="6941" width="12.6328125" style="1" customWidth="1"/>
    <col min="6942" max="6942" width="4.453125" style="1" bestFit="1" customWidth="1"/>
    <col min="6943" max="7168" width="9" style="1"/>
    <col min="7169" max="7169" width="4.6328125" style="1" customWidth="1"/>
    <col min="7170" max="7170" width="12.6328125" style="1" customWidth="1"/>
    <col min="7171" max="7171" width="9.08984375" style="1" customWidth="1"/>
    <col min="7172" max="7172" width="6.6328125" style="1" customWidth="1"/>
    <col min="7173" max="7173" width="8.6328125" style="1" customWidth="1"/>
    <col min="7174" max="7174" width="6.6328125" style="1" customWidth="1"/>
    <col min="7175" max="7175" width="8.6328125" style="1" customWidth="1"/>
    <col min="7176" max="7176" width="6.6328125" style="1" customWidth="1"/>
    <col min="7177" max="7177" width="8.6328125" style="1" customWidth="1"/>
    <col min="7178" max="7178" width="6.6328125" style="1" customWidth="1"/>
    <col min="7179" max="7179" width="8.6328125" style="1" customWidth="1"/>
    <col min="7180" max="7180" width="6.6328125" style="1" customWidth="1"/>
    <col min="7181" max="7181" width="8.6328125" style="1" customWidth="1"/>
    <col min="7182" max="7182" width="6.6328125" style="1" customWidth="1"/>
    <col min="7183" max="7183" width="8.6328125" style="1" customWidth="1"/>
    <col min="7184" max="7184" width="6.6328125" style="1" customWidth="1"/>
    <col min="7185" max="7185" width="8.6328125" style="1" customWidth="1"/>
    <col min="7186" max="7186" width="6.6328125" style="1" customWidth="1"/>
    <col min="7187" max="7188" width="8.6328125" style="1" customWidth="1"/>
    <col min="7189" max="7189" width="10.6328125" style="1" customWidth="1"/>
    <col min="7190" max="7190" width="4.6328125" style="1" customWidth="1"/>
    <col min="7191" max="7195" width="12.6328125" style="1" customWidth="1"/>
    <col min="7196" max="7196" width="8.6328125" style="1" customWidth="1"/>
    <col min="7197" max="7197" width="12.6328125" style="1" customWidth="1"/>
    <col min="7198" max="7198" width="4.453125" style="1" bestFit="1" customWidth="1"/>
    <col min="7199" max="7424" width="9" style="1"/>
    <col min="7425" max="7425" width="4.6328125" style="1" customWidth="1"/>
    <col min="7426" max="7426" width="12.6328125" style="1" customWidth="1"/>
    <col min="7427" max="7427" width="9.08984375" style="1" customWidth="1"/>
    <col min="7428" max="7428" width="6.6328125" style="1" customWidth="1"/>
    <col min="7429" max="7429" width="8.6328125" style="1" customWidth="1"/>
    <col min="7430" max="7430" width="6.6328125" style="1" customWidth="1"/>
    <col min="7431" max="7431" width="8.6328125" style="1" customWidth="1"/>
    <col min="7432" max="7432" width="6.6328125" style="1" customWidth="1"/>
    <col min="7433" max="7433" width="8.6328125" style="1" customWidth="1"/>
    <col min="7434" max="7434" width="6.6328125" style="1" customWidth="1"/>
    <col min="7435" max="7435" width="8.6328125" style="1" customWidth="1"/>
    <col min="7436" max="7436" width="6.6328125" style="1" customWidth="1"/>
    <col min="7437" max="7437" width="8.6328125" style="1" customWidth="1"/>
    <col min="7438" max="7438" width="6.6328125" style="1" customWidth="1"/>
    <col min="7439" max="7439" width="8.6328125" style="1" customWidth="1"/>
    <col min="7440" max="7440" width="6.6328125" style="1" customWidth="1"/>
    <col min="7441" max="7441" width="8.6328125" style="1" customWidth="1"/>
    <col min="7442" max="7442" width="6.6328125" style="1" customWidth="1"/>
    <col min="7443" max="7444" width="8.6328125" style="1" customWidth="1"/>
    <col min="7445" max="7445" width="10.6328125" style="1" customWidth="1"/>
    <col min="7446" max="7446" width="4.6328125" style="1" customWidth="1"/>
    <col min="7447" max="7451" width="12.6328125" style="1" customWidth="1"/>
    <col min="7452" max="7452" width="8.6328125" style="1" customWidth="1"/>
    <col min="7453" max="7453" width="12.6328125" style="1" customWidth="1"/>
    <col min="7454" max="7454" width="4.453125" style="1" bestFit="1" customWidth="1"/>
    <col min="7455" max="7680" width="9" style="1"/>
    <col min="7681" max="7681" width="4.6328125" style="1" customWidth="1"/>
    <col min="7682" max="7682" width="12.6328125" style="1" customWidth="1"/>
    <col min="7683" max="7683" width="9.08984375" style="1" customWidth="1"/>
    <col min="7684" max="7684" width="6.6328125" style="1" customWidth="1"/>
    <col min="7685" max="7685" width="8.6328125" style="1" customWidth="1"/>
    <col min="7686" max="7686" width="6.6328125" style="1" customWidth="1"/>
    <col min="7687" max="7687" width="8.6328125" style="1" customWidth="1"/>
    <col min="7688" max="7688" width="6.6328125" style="1" customWidth="1"/>
    <col min="7689" max="7689" width="8.6328125" style="1" customWidth="1"/>
    <col min="7690" max="7690" width="6.6328125" style="1" customWidth="1"/>
    <col min="7691" max="7691" width="8.6328125" style="1" customWidth="1"/>
    <col min="7692" max="7692" width="6.6328125" style="1" customWidth="1"/>
    <col min="7693" max="7693" width="8.6328125" style="1" customWidth="1"/>
    <col min="7694" max="7694" width="6.6328125" style="1" customWidth="1"/>
    <col min="7695" max="7695" width="8.6328125" style="1" customWidth="1"/>
    <col min="7696" max="7696" width="6.6328125" style="1" customWidth="1"/>
    <col min="7697" max="7697" width="8.6328125" style="1" customWidth="1"/>
    <col min="7698" max="7698" width="6.6328125" style="1" customWidth="1"/>
    <col min="7699" max="7700" width="8.6328125" style="1" customWidth="1"/>
    <col min="7701" max="7701" width="10.6328125" style="1" customWidth="1"/>
    <col min="7702" max="7702" width="4.6328125" style="1" customWidth="1"/>
    <col min="7703" max="7707" width="12.6328125" style="1" customWidth="1"/>
    <col min="7708" max="7708" width="8.6328125" style="1" customWidth="1"/>
    <col min="7709" max="7709" width="12.6328125" style="1" customWidth="1"/>
    <col min="7710" max="7710" width="4.453125" style="1" bestFit="1" customWidth="1"/>
    <col min="7711" max="7936" width="9" style="1"/>
    <col min="7937" max="7937" width="4.6328125" style="1" customWidth="1"/>
    <col min="7938" max="7938" width="12.6328125" style="1" customWidth="1"/>
    <col min="7939" max="7939" width="9.08984375" style="1" customWidth="1"/>
    <col min="7940" max="7940" width="6.6328125" style="1" customWidth="1"/>
    <col min="7941" max="7941" width="8.6328125" style="1" customWidth="1"/>
    <col min="7942" max="7942" width="6.6328125" style="1" customWidth="1"/>
    <col min="7943" max="7943" width="8.6328125" style="1" customWidth="1"/>
    <col min="7944" max="7944" width="6.6328125" style="1" customWidth="1"/>
    <col min="7945" max="7945" width="8.6328125" style="1" customWidth="1"/>
    <col min="7946" max="7946" width="6.6328125" style="1" customWidth="1"/>
    <col min="7947" max="7947" width="8.6328125" style="1" customWidth="1"/>
    <col min="7948" max="7948" width="6.6328125" style="1" customWidth="1"/>
    <col min="7949" max="7949" width="8.6328125" style="1" customWidth="1"/>
    <col min="7950" max="7950" width="6.6328125" style="1" customWidth="1"/>
    <col min="7951" max="7951" width="8.6328125" style="1" customWidth="1"/>
    <col min="7952" max="7952" width="6.6328125" style="1" customWidth="1"/>
    <col min="7953" max="7953" width="8.6328125" style="1" customWidth="1"/>
    <col min="7954" max="7954" width="6.6328125" style="1" customWidth="1"/>
    <col min="7955" max="7956" width="8.6328125" style="1" customWidth="1"/>
    <col min="7957" max="7957" width="10.6328125" style="1" customWidth="1"/>
    <col min="7958" max="7958" width="4.6328125" style="1" customWidth="1"/>
    <col min="7959" max="7963" width="12.6328125" style="1" customWidth="1"/>
    <col min="7964" max="7964" width="8.6328125" style="1" customWidth="1"/>
    <col min="7965" max="7965" width="12.6328125" style="1" customWidth="1"/>
    <col min="7966" max="7966" width="4.453125" style="1" bestFit="1" customWidth="1"/>
    <col min="7967" max="8192" width="9" style="1"/>
    <col min="8193" max="8193" width="4.6328125" style="1" customWidth="1"/>
    <col min="8194" max="8194" width="12.6328125" style="1" customWidth="1"/>
    <col min="8195" max="8195" width="9.08984375" style="1" customWidth="1"/>
    <col min="8196" max="8196" width="6.6328125" style="1" customWidth="1"/>
    <col min="8197" max="8197" width="8.6328125" style="1" customWidth="1"/>
    <col min="8198" max="8198" width="6.6328125" style="1" customWidth="1"/>
    <col min="8199" max="8199" width="8.6328125" style="1" customWidth="1"/>
    <col min="8200" max="8200" width="6.6328125" style="1" customWidth="1"/>
    <col min="8201" max="8201" width="8.6328125" style="1" customWidth="1"/>
    <col min="8202" max="8202" width="6.6328125" style="1" customWidth="1"/>
    <col min="8203" max="8203" width="8.6328125" style="1" customWidth="1"/>
    <col min="8204" max="8204" width="6.6328125" style="1" customWidth="1"/>
    <col min="8205" max="8205" width="8.6328125" style="1" customWidth="1"/>
    <col min="8206" max="8206" width="6.6328125" style="1" customWidth="1"/>
    <col min="8207" max="8207" width="8.6328125" style="1" customWidth="1"/>
    <col min="8208" max="8208" width="6.6328125" style="1" customWidth="1"/>
    <col min="8209" max="8209" width="8.6328125" style="1" customWidth="1"/>
    <col min="8210" max="8210" width="6.6328125" style="1" customWidth="1"/>
    <col min="8211" max="8212" width="8.6328125" style="1" customWidth="1"/>
    <col min="8213" max="8213" width="10.6328125" style="1" customWidth="1"/>
    <col min="8214" max="8214" width="4.6328125" style="1" customWidth="1"/>
    <col min="8215" max="8219" width="12.6328125" style="1" customWidth="1"/>
    <col min="8220" max="8220" width="8.6328125" style="1" customWidth="1"/>
    <col min="8221" max="8221" width="12.6328125" style="1" customWidth="1"/>
    <col min="8222" max="8222" width="4.453125" style="1" bestFit="1" customWidth="1"/>
    <col min="8223" max="8448" width="9" style="1"/>
    <col min="8449" max="8449" width="4.6328125" style="1" customWidth="1"/>
    <col min="8450" max="8450" width="12.6328125" style="1" customWidth="1"/>
    <col min="8451" max="8451" width="9.08984375" style="1" customWidth="1"/>
    <col min="8452" max="8452" width="6.6328125" style="1" customWidth="1"/>
    <col min="8453" max="8453" width="8.6328125" style="1" customWidth="1"/>
    <col min="8454" max="8454" width="6.6328125" style="1" customWidth="1"/>
    <col min="8455" max="8455" width="8.6328125" style="1" customWidth="1"/>
    <col min="8456" max="8456" width="6.6328125" style="1" customWidth="1"/>
    <col min="8457" max="8457" width="8.6328125" style="1" customWidth="1"/>
    <col min="8458" max="8458" width="6.6328125" style="1" customWidth="1"/>
    <col min="8459" max="8459" width="8.6328125" style="1" customWidth="1"/>
    <col min="8460" max="8460" width="6.6328125" style="1" customWidth="1"/>
    <col min="8461" max="8461" width="8.6328125" style="1" customWidth="1"/>
    <col min="8462" max="8462" width="6.6328125" style="1" customWidth="1"/>
    <col min="8463" max="8463" width="8.6328125" style="1" customWidth="1"/>
    <col min="8464" max="8464" width="6.6328125" style="1" customWidth="1"/>
    <col min="8465" max="8465" width="8.6328125" style="1" customWidth="1"/>
    <col min="8466" max="8466" width="6.6328125" style="1" customWidth="1"/>
    <col min="8467" max="8468" width="8.6328125" style="1" customWidth="1"/>
    <col min="8469" max="8469" width="10.6328125" style="1" customWidth="1"/>
    <col min="8470" max="8470" width="4.6328125" style="1" customWidth="1"/>
    <col min="8471" max="8475" width="12.6328125" style="1" customWidth="1"/>
    <col min="8476" max="8476" width="8.6328125" style="1" customWidth="1"/>
    <col min="8477" max="8477" width="12.6328125" style="1" customWidth="1"/>
    <col min="8478" max="8478" width="4.453125" style="1" bestFit="1" customWidth="1"/>
    <col min="8479" max="8704" width="9" style="1"/>
    <col min="8705" max="8705" width="4.6328125" style="1" customWidth="1"/>
    <col min="8706" max="8706" width="12.6328125" style="1" customWidth="1"/>
    <col min="8707" max="8707" width="9.08984375" style="1" customWidth="1"/>
    <col min="8708" max="8708" width="6.6328125" style="1" customWidth="1"/>
    <col min="8709" max="8709" width="8.6328125" style="1" customWidth="1"/>
    <col min="8710" max="8710" width="6.6328125" style="1" customWidth="1"/>
    <col min="8711" max="8711" width="8.6328125" style="1" customWidth="1"/>
    <col min="8712" max="8712" width="6.6328125" style="1" customWidth="1"/>
    <col min="8713" max="8713" width="8.6328125" style="1" customWidth="1"/>
    <col min="8714" max="8714" width="6.6328125" style="1" customWidth="1"/>
    <col min="8715" max="8715" width="8.6328125" style="1" customWidth="1"/>
    <col min="8716" max="8716" width="6.6328125" style="1" customWidth="1"/>
    <col min="8717" max="8717" width="8.6328125" style="1" customWidth="1"/>
    <col min="8718" max="8718" width="6.6328125" style="1" customWidth="1"/>
    <col min="8719" max="8719" width="8.6328125" style="1" customWidth="1"/>
    <col min="8720" max="8720" width="6.6328125" style="1" customWidth="1"/>
    <col min="8721" max="8721" width="8.6328125" style="1" customWidth="1"/>
    <col min="8722" max="8722" width="6.6328125" style="1" customWidth="1"/>
    <col min="8723" max="8724" width="8.6328125" style="1" customWidth="1"/>
    <col min="8725" max="8725" width="10.6328125" style="1" customWidth="1"/>
    <col min="8726" max="8726" width="4.6328125" style="1" customWidth="1"/>
    <col min="8727" max="8731" width="12.6328125" style="1" customWidth="1"/>
    <col min="8732" max="8732" width="8.6328125" style="1" customWidth="1"/>
    <col min="8733" max="8733" width="12.6328125" style="1" customWidth="1"/>
    <col min="8734" max="8734" width="4.453125" style="1" bestFit="1" customWidth="1"/>
    <col min="8735" max="8960" width="9" style="1"/>
    <col min="8961" max="8961" width="4.6328125" style="1" customWidth="1"/>
    <col min="8962" max="8962" width="12.6328125" style="1" customWidth="1"/>
    <col min="8963" max="8963" width="9.08984375" style="1" customWidth="1"/>
    <col min="8964" max="8964" width="6.6328125" style="1" customWidth="1"/>
    <col min="8965" max="8965" width="8.6328125" style="1" customWidth="1"/>
    <col min="8966" max="8966" width="6.6328125" style="1" customWidth="1"/>
    <col min="8967" max="8967" width="8.6328125" style="1" customWidth="1"/>
    <col min="8968" max="8968" width="6.6328125" style="1" customWidth="1"/>
    <col min="8969" max="8969" width="8.6328125" style="1" customWidth="1"/>
    <col min="8970" max="8970" width="6.6328125" style="1" customWidth="1"/>
    <col min="8971" max="8971" width="8.6328125" style="1" customWidth="1"/>
    <col min="8972" max="8972" width="6.6328125" style="1" customWidth="1"/>
    <col min="8973" max="8973" width="8.6328125" style="1" customWidth="1"/>
    <col min="8974" max="8974" width="6.6328125" style="1" customWidth="1"/>
    <col min="8975" max="8975" width="8.6328125" style="1" customWidth="1"/>
    <col min="8976" max="8976" width="6.6328125" style="1" customWidth="1"/>
    <col min="8977" max="8977" width="8.6328125" style="1" customWidth="1"/>
    <col min="8978" max="8978" width="6.6328125" style="1" customWidth="1"/>
    <col min="8979" max="8980" width="8.6328125" style="1" customWidth="1"/>
    <col min="8981" max="8981" width="10.6328125" style="1" customWidth="1"/>
    <col min="8982" max="8982" width="4.6328125" style="1" customWidth="1"/>
    <col min="8983" max="8987" width="12.6328125" style="1" customWidth="1"/>
    <col min="8988" max="8988" width="8.6328125" style="1" customWidth="1"/>
    <col min="8989" max="8989" width="12.6328125" style="1" customWidth="1"/>
    <col min="8990" max="8990" width="4.453125" style="1" bestFit="1" customWidth="1"/>
    <col min="8991" max="9216" width="9" style="1"/>
    <col min="9217" max="9217" width="4.6328125" style="1" customWidth="1"/>
    <col min="9218" max="9218" width="12.6328125" style="1" customWidth="1"/>
    <col min="9219" max="9219" width="9.08984375" style="1" customWidth="1"/>
    <col min="9220" max="9220" width="6.6328125" style="1" customWidth="1"/>
    <col min="9221" max="9221" width="8.6328125" style="1" customWidth="1"/>
    <col min="9222" max="9222" width="6.6328125" style="1" customWidth="1"/>
    <col min="9223" max="9223" width="8.6328125" style="1" customWidth="1"/>
    <col min="9224" max="9224" width="6.6328125" style="1" customWidth="1"/>
    <col min="9225" max="9225" width="8.6328125" style="1" customWidth="1"/>
    <col min="9226" max="9226" width="6.6328125" style="1" customWidth="1"/>
    <col min="9227" max="9227" width="8.6328125" style="1" customWidth="1"/>
    <col min="9228" max="9228" width="6.6328125" style="1" customWidth="1"/>
    <col min="9229" max="9229" width="8.6328125" style="1" customWidth="1"/>
    <col min="9230" max="9230" width="6.6328125" style="1" customWidth="1"/>
    <col min="9231" max="9231" width="8.6328125" style="1" customWidth="1"/>
    <col min="9232" max="9232" width="6.6328125" style="1" customWidth="1"/>
    <col min="9233" max="9233" width="8.6328125" style="1" customWidth="1"/>
    <col min="9234" max="9234" width="6.6328125" style="1" customWidth="1"/>
    <col min="9235" max="9236" width="8.6328125" style="1" customWidth="1"/>
    <col min="9237" max="9237" width="10.6328125" style="1" customWidth="1"/>
    <col min="9238" max="9238" width="4.6328125" style="1" customWidth="1"/>
    <col min="9239" max="9243" width="12.6328125" style="1" customWidth="1"/>
    <col min="9244" max="9244" width="8.6328125" style="1" customWidth="1"/>
    <col min="9245" max="9245" width="12.6328125" style="1" customWidth="1"/>
    <col min="9246" max="9246" width="4.453125" style="1" bestFit="1" customWidth="1"/>
    <col min="9247" max="9472" width="9" style="1"/>
    <col min="9473" max="9473" width="4.6328125" style="1" customWidth="1"/>
    <col min="9474" max="9474" width="12.6328125" style="1" customWidth="1"/>
    <col min="9475" max="9475" width="9.08984375" style="1" customWidth="1"/>
    <col min="9476" max="9476" width="6.6328125" style="1" customWidth="1"/>
    <col min="9477" max="9477" width="8.6328125" style="1" customWidth="1"/>
    <col min="9478" max="9478" width="6.6328125" style="1" customWidth="1"/>
    <col min="9479" max="9479" width="8.6328125" style="1" customWidth="1"/>
    <col min="9480" max="9480" width="6.6328125" style="1" customWidth="1"/>
    <col min="9481" max="9481" width="8.6328125" style="1" customWidth="1"/>
    <col min="9482" max="9482" width="6.6328125" style="1" customWidth="1"/>
    <col min="9483" max="9483" width="8.6328125" style="1" customWidth="1"/>
    <col min="9484" max="9484" width="6.6328125" style="1" customWidth="1"/>
    <col min="9485" max="9485" width="8.6328125" style="1" customWidth="1"/>
    <col min="9486" max="9486" width="6.6328125" style="1" customWidth="1"/>
    <col min="9487" max="9487" width="8.6328125" style="1" customWidth="1"/>
    <col min="9488" max="9488" width="6.6328125" style="1" customWidth="1"/>
    <col min="9489" max="9489" width="8.6328125" style="1" customWidth="1"/>
    <col min="9490" max="9490" width="6.6328125" style="1" customWidth="1"/>
    <col min="9491" max="9492" width="8.6328125" style="1" customWidth="1"/>
    <col min="9493" max="9493" width="10.6328125" style="1" customWidth="1"/>
    <col min="9494" max="9494" width="4.6328125" style="1" customWidth="1"/>
    <col min="9495" max="9499" width="12.6328125" style="1" customWidth="1"/>
    <col min="9500" max="9500" width="8.6328125" style="1" customWidth="1"/>
    <col min="9501" max="9501" width="12.6328125" style="1" customWidth="1"/>
    <col min="9502" max="9502" width="4.453125" style="1" bestFit="1" customWidth="1"/>
    <col min="9503" max="9728" width="9" style="1"/>
    <col min="9729" max="9729" width="4.6328125" style="1" customWidth="1"/>
    <col min="9730" max="9730" width="12.6328125" style="1" customWidth="1"/>
    <col min="9731" max="9731" width="9.08984375" style="1" customWidth="1"/>
    <col min="9732" max="9732" width="6.6328125" style="1" customWidth="1"/>
    <col min="9733" max="9733" width="8.6328125" style="1" customWidth="1"/>
    <col min="9734" max="9734" width="6.6328125" style="1" customWidth="1"/>
    <col min="9735" max="9735" width="8.6328125" style="1" customWidth="1"/>
    <col min="9736" max="9736" width="6.6328125" style="1" customWidth="1"/>
    <col min="9737" max="9737" width="8.6328125" style="1" customWidth="1"/>
    <col min="9738" max="9738" width="6.6328125" style="1" customWidth="1"/>
    <col min="9739" max="9739" width="8.6328125" style="1" customWidth="1"/>
    <col min="9740" max="9740" width="6.6328125" style="1" customWidth="1"/>
    <col min="9741" max="9741" width="8.6328125" style="1" customWidth="1"/>
    <col min="9742" max="9742" width="6.6328125" style="1" customWidth="1"/>
    <col min="9743" max="9743" width="8.6328125" style="1" customWidth="1"/>
    <col min="9744" max="9744" width="6.6328125" style="1" customWidth="1"/>
    <col min="9745" max="9745" width="8.6328125" style="1" customWidth="1"/>
    <col min="9746" max="9746" width="6.6328125" style="1" customWidth="1"/>
    <col min="9747" max="9748" width="8.6328125" style="1" customWidth="1"/>
    <col min="9749" max="9749" width="10.6328125" style="1" customWidth="1"/>
    <col min="9750" max="9750" width="4.6328125" style="1" customWidth="1"/>
    <col min="9751" max="9755" width="12.6328125" style="1" customWidth="1"/>
    <col min="9756" max="9756" width="8.6328125" style="1" customWidth="1"/>
    <col min="9757" max="9757" width="12.6328125" style="1" customWidth="1"/>
    <col min="9758" max="9758" width="4.453125" style="1" bestFit="1" customWidth="1"/>
    <col min="9759" max="9984" width="9" style="1"/>
    <col min="9985" max="9985" width="4.6328125" style="1" customWidth="1"/>
    <col min="9986" max="9986" width="12.6328125" style="1" customWidth="1"/>
    <col min="9987" max="9987" width="9.08984375" style="1" customWidth="1"/>
    <col min="9988" max="9988" width="6.6328125" style="1" customWidth="1"/>
    <col min="9989" max="9989" width="8.6328125" style="1" customWidth="1"/>
    <col min="9990" max="9990" width="6.6328125" style="1" customWidth="1"/>
    <col min="9991" max="9991" width="8.6328125" style="1" customWidth="1"/>
    <col min="9992" max="9992" width="6.6328125" style="1" customWidth="1"/>
    <col min="9993" max="9993" width="8.6328125" style="1" customWidth="1"/>
    <col min="9994" max="9994" width="6.6328125" style="1" customWidth="1"/>
    <col min="9995" max="9995" width="8.6328125" style="1" customWidth="1"/>
    <col min="9996" max="9996" width="6.6328125" style="1" customWidth="1"/>
    <col min="9997" max="9997" width="8.6328125" style="1" customWidth="1"/>
    <col min="9998" max="9998" width="6.6328125" style="1" customWidth="1"/>
    <col min="9999" max="9999" width="8.6328125" style="1" customWidth="1"/>
    <col min="10000" max="10000" width="6.6328125" style="1" customWidth="1"/>
    <col min="10001" max="10001" width="8.6328125" style="1" customWidth="1"/>
    <col min="10002" max="10002" width="6.6328125" style="1" customWidth="1"/>
    <col min="10003" max="10004" width="8.6328125" style="1" customWidth="1"/>
    <col min="10005" max="10005" width="10.6328125" style="1" customWidth="1"/>
    <col min="10006" max="10006" width="4.6328125" style="1" customWidth="1"/>
    <col min="10007" max="10011" width="12.6328125" style="1" customWidth="1"/>
    <col min="10012" max="10012" width="8.6328125" style="1" customWidth="1"/>
    <col min="10013" max="10013" width="12.6328125" style="1" customWidth="1"/>
    <col min="10014" max="10014" width="4.453125" style="1" bestFit="1" customWidth="1"/>
    <col min="10015" max="10240" width="9" style="1"/>
    <col min="10241" max="10241" width="4.6328125" style="1" customWidth="1"/>
    <col min="10242" max="10242" width="12.6328125" style="1" customWidth="1"/>
    <col min="10243" max="10243" width="9.08984375" style="1" customWidth="1"/>
    <col min="10244" max="10244" width="6.6328125" style="1" customWidth="1"/>
    <col min="10245" max="10245" width="8.6328125" style="1" customWidth="1"/>
    <col min="10246" max="10246" width="6.6328125" style="1" customWidth="1"/>
    <col min="10247" max="10247" width="8.6328125" style="1" customWidth="1"/>
    <col min="10248" max="10248" width="6.6328125" style="1" customWidth="1"/>
    <col min="10249" max="10249" width="8.6328125" style="1" customWidth="1"/>
    <col min="10250" max="10250" width="6.6328125" style="1" customWidth="1"/>
    <col min="10251" max="10251" width="8.6328125" style="1" customWidth="1"/>
    <col min="10252" max="10252" width="6.6328125" style="1" customWidth="1"/>
    <col min="10253" max="10253" width="8.6328125" style="1" customWidth="1"/>
    <col min="10254" max="10254" width="6.6328125" style="1" customWidth="1"/>
    <col min="10255" max="10255" width="8.6328125" style="1" customWidth="1"/>
    <col min="10256" max="10256" width="6.6328125" style="1" customWidth="1"/>
    <col min="10257" max="10257" width="8.6328125" style="1" customWidth="1"/>
    <col min="10258" max="10258" width="6.6328125" style="1" customWidth="1"/>
    <col min="10259" max="10260" width="8.6328125" style="1" customWidth="1"/>
    <col min="10261" max="10261" width="10.6328125" style="1" customWidth="1"/>
    <col min="10262" max="10262" width="4.6328125" style="1" customWidth="1"/>
    <col min="10263" max="10267" width="12.6328125" style="1" customWidth="1"/>
    <col min="10268" max="10268" width="8.6328125" style="1" customWidth="1"/>
    <col min="10269" max="10269" width="12.6328125" style="1" customWidth="1"/>
    <col min="10270" max="10270" width="4.453125" style="1" bestFit="1" customWidth="1"/>
    <col min="10271" max="10496" width="9" style="1"/>
    <col min="10497" max="10497" width="4.6328125" style="1" customWidth="1"/>
    <col min="10498" max="10498" width="12.6328125" style="1" customWidth="1"/>
    <col min="10499" max="10499" width="9.08984375" style="1" customWidth="1"/>
    <col min="10500" max="10500" width="6.6328125" style="1" customWidth="1"/>
    <col min="10501" max="10501" width="8.6328125" style="1" customWidth="1"/>
    <col min="10502" max="10502" width="6.6328125" style="1" customWidth="1"/>
    <col min="10503" max="10503" width="8.6328125" style="1" customWidth="1"/>
    <col min="10504" max="10504" width="6.6328125" style="1" customWidth="1"/>
    <col min="10505" max="10505" width="8.6328125" style="1" customWidth="1"/>
    <col min="10506" max="10506" width="6.6328125" style="1" customWidth="1"/>
    <col min="10507" max="10507" width="8.6328125" style="1" customWidth="1"/>
    <col min="10508" max="10508" width="6.6328125" style="1" customWidth="1"/>
    <col min="10509" max="10509" width="8.6328125" style="1" customWidth="1"/>
    <col min="10510" max="10510" width="6.6328125" style="1" customWidth="1"/>
    <col min="10511" max="10511" width="8.6328125" style="1" customWidth="1"/>
    <col min="10512" max="10512" width="6.6328125" style="1" customWidth="1"/>
    <col min="10513" max="10513" width="8.6328125" style="1" customWidth="1"/>
    <col min="10514" max="10514" width="6.6328125" style="1" customWidth="1"/>
    <col min="10515" max="10516" width="8.6328125" style="1" customWidth="1"/>
    <col min="10517" max="10517" width="10.6328125" style="1" customWidth="1"/>
    <col min="10518" max="10518" width="4.6328125" style="1" customWidth="1"/>
    <col min="10519" max="10523" width="12.6328125" style="1" customWidth="1"/>
    <col min="10524" max="10524" width="8.6328125" style="1" customWidth="1"/>
    <col min="10525" max="10525" width="12.6328125" style="1" customWidth="1"/>
    <col min="10526" max="10526" width="4.453125" style="1" bestFit="1" customWidth="1"/>
    <col min="10527" max="10752" width="9" style="1"/>
    <col min="10753" max="10753" width="4.6328125" style="1" customWidth="1"/>
    <col min="10754" max="10754" width="12.6328125" style="1" customWidth="1"/>
    <col min="10755" max="10755" width="9.08984375" style="1" customWidth="1"/>
    <col min="10756" max="10756" width="6.6328125" style="1" customWidth="1"/>
    <col min="10757" max="10757" width="8.6328125" style="1" customWidth="1"/>
    <col min="10758" max="10758" width="6.6328125" style="1" customWidth="1"/>
    <col min="10759" max="10759" width="8.6328125" style="1" customWidth="1"/>
    <col min="10760" max="10760" width="6.6328125" style="1" customWidth="1"/>
    <col min="10761" max="10761" width="8.6328125" style="1" customWidth="1"/>
    <col min="10762" max="10762" width="6.6328125" style="1" customWidth="1"/>
    <col min="10763" max="10763" width="8.6328125" style="1" customWidth="1"/>
    <col min="10764" max="10764" width="6.6328125" style="1" customWidth="1"/>
    <col min="10765" max="10765" width="8.6328125" style="1" customWidth="1"/>
    <col min="10766" max="10766" width="6.6328125" style="1" customWidth="1"/>
    <col min="10767" max="10767" width="8.6328125" style="1" customWidth="1"/>
    <col min="10768" max="10768" width="6.6328125" style="1" customWidth="1"/>
    <col min="10769" max="10769" width="8.6328125" style="1" customWidth="1"/>
    <col min="10770" max="10770" width="6.6328125" style="1" customWidth="1"/>
    <col min="10771" max="10772" width="8.6328125" style="1" customWidth="1"/>
    <col min="10773" max="10773" width="10.6328125" style="1" customWidth="1"/>
    <col min="10774" max="10774" width="4.6328125" style="1" customWidth="1"/>
    <col min="10775" max="10779" width="12.6328125" style="1" customWidth="1"/>
    <col min="10780" max="10780" width="8.6328125" style="1" customWidth="1"/>
    <col min="10781" max="10781" width="12.6328125" style="1" customWidth="1"/>
    <col min="10782" max="10782" width="4.453125" style="1" bestFit="1" customWidth="1"/>
    <col min="10783" max="11008" width="9" style="1"/>
    <col min="11009" max="11009" width="4.6328125" style="1" customWidth="1"/>
    <col min="11010" max="11010" width="12.6328125" style="1" customWidth="1"/>
    <col min="11011" max="11011" width="9.08984375" style="1" customWidth="1"/>
    <col min="11012" max="11012" width="6.6328125" style="1" customWidth="1"/>
    <col min="11013" max="11013" width="8.6328125" style="1" customWidth="1"/>
    <col min="11014" max="11014" width="6.6328125" style="1" customWidth="1"/>
    <col min="11015" max="11015" width="8.6328125" style="1" customWidth="1"/>
    <col min="11016" max="11016" width="6.6328125" style="1" customWidth="1"/>
    <col min="11017" max="11017" width="8.6328125" style="1" customWidth="1"/>
    <col min="11018" max="11018" width="6.6328125" style="1" customWidth="1"/>
    <col min="11019" max="11019" width="8.6328125" style="1" customWidth="1"/>
    <col min="11020" max="11020" width="6.6328125" style="1" customWidth="1"/>
    <col min="11021" max="11021" width="8.6328125" style="1" customWidth="1"/>
    <col min="11022" max="11022" width="6.6328125" style="1" customWidth="1"/>
    <col min="11023" max="11023" width="8.6328125" style="1" customWidth="1"/>
    <col min="11024" max="11024" width="6.6328125" style="1" customWidth="1"/>
    <col min="11025" max="11025" width="8.6328125" style="1" customWidth="1"/>
    <col min="11026" max="11026" width="6.6328125" style="1" customWidth="1"/>
    <col min="11027" max="11028" width="8.6328125" style="1" customWidth="1"/>
    <col min="11029" max="11029" width="10.6328125" style="1" customWidth="1"/>
    <col min="11030" max="11030" width="4.6328125" style="1" customWidth="1"/>
    <col min="11031" max="11035" width="12.6328125" style="1" customWidth="1"/>
    <col min="11036" max="11036" width="8.6328125" style="1" customWidth="1"/>
    <col min="11037" max="11037" width="12.6328125" style="1" customWidth="1"/>
    <col min="11038" max="11038" width="4.453125" style="1" bestFit="1" customWidth="1"/>
    <col min="11039" max="11264" width="9" style="1"/>
    <col min="11265" max="11265" width="4.6328125" style="1" customWidth="1"/>
    <col min="11266" max="11266" width="12.6328125" style="1" customWidth="1"/>
    <col min="11267" max="11267" width="9.08984375" style="1" customWidth="1"/>
    <col min="11268" max="11268" width="6.6328125" style="1" customWidth="1"/>
    <col min="11269" max="11269" width="8.6328125" style="1" customWidth="1"/>
    <col min="11270" max="11270" width="6.6328125" style="1" customWidth="1"/>
    <col min="11271" max="11271" width="8.6328125" style="1" customWidth="1"/>
    <col min="11272" max="11272" width="6.6328125" style="1" customWidth="1"/>
    <col min="11273" max="11273" width="8.6328125" style="1" customWidth="1"/>
    <col min="11274" max="11274" width="6.6328125" style="1" customWidth="1"/>
    <col min="11275" max="11275" width="8.6328125" style="1" customWidth="1"/>
    <col min="11276" max="11276" width="6.6328125" style="1" customWidth="1"/>
    <col min="11277" max="11277" width="8.6328125" style="1" customWidth="1"/>
    <col min="11278" max="11278" width="6.6328125" style="1" customWidth="1"/>
    <col min="11279" max="11279" width="8.6328125" style="1" customWidth="1"/>
    <col min="11280" max="11280" width="6.6328125" style="1" customWidth="1"/>
    <col min="11281" max="11281" width="8.6328125" style="1" customWidth="1"/>
    <col min="11282" max="11282" width="6.6328125" style="1" customWidth="1"/>
    <col min="11283" max="11284" width="8.6328125" style="1" customWidth="1"/>
    <col min="11285" max="11285" width="10.6328125" style="1" customWidth="1"/>
    <col min="11286" max="11286" width="4.6328125" style="1" customWidth="1"/>
    <col min="11287" max="11291" width="12.6328125" style="1" customWidth="1"/>
    <col min="11292" max="11292" width="8.6328125" style="1" customWidth="1"/>
    <col min="11293" max="11293" width="12.6328125" style="1" customWidth="1"/>
    <col min="11294" max="11294" width="4.453125" style="1" bestFit="1" customWidth="1"/>
    <col min="11295" max="11520" width="9" style="1"/>
    <col min="11521" max="11521" width="4.6328125" style="1" customWidth="1"/>
    <col min="11522" max="11522" width="12.6328125" style="1" customWidth="1"/>
    <col min="11523" max="11523" width="9.08984375" style="1" customWidth="1"/>
    <col min="11524" max="11524" width="6.6328125" style="1" customWidth="1"/>
    <col min="11525" max="11525" width="8.6328125" style="1" customWidth="1"/>
    <col min="11526" max="11526" width="6.6328125" style="1" customWidth="1"/>
    <col min="11527" max="11527" width="8.6328125" style="1" customWidth="1"/>
    <col min="11528" max="11528" width="6.6328125" style="1" customWidth="1"/>
    <col min="11529" max="11529" width="8.6328125" style="1" customWidth="1"/>
    <col min="11530" max="11530" width="6.6328125" style="1" customWidth="1"/>
    <col min="11531" max="11531" width="8.6328125" style="1" customWidth="1"/>
    <col min="11532" max="11532" width="6.6328125" style="1" customWidth="1"/>
    <col min="11533" max="11533" width="8.6328125" style="1" customWidth="1"/>
    <col min="11534" max="11534" width="6.6328125" style="1" customWidth="1"/>
    <col min="11535" max="11535" width="8.6328125" style="1" customWidth="1"/>
    <col min="11536" max="11536" width="6.6328125" style="1" customWidth="1"/>
    <col min="11537" max="11537" width="8.6328125" style="1" customWidth="1"/>
    <col min="11538" max="11538" width="6.6328125" style="1" customWidth="1"/>
    <col min="11539" max="11540" width="8.6328125" style="1" customWidth="1"/>
    <col min="11541" max="11541" width="10.6328125" style="1" customWidth="1"/>
    <col min="11542" max="11542" width="4.6328125" style="1" customWidth="1"/>
    <col min="11543" max="11547" width="12.6328125" style="1" customWidth="1"/>
    <col min="11548" max="11548" width="8.6328125" style="1" customWidth="1"/>
    <col min="11549" max="11549" width="12.6328125" style="1" customWidth="1"/>
    <col min="11550" max="11550" width="4.453125" style="1" bestFit="1" customWidth="1"/>
    <col min="11551" max="11776" width="9" style="1"/>
    <col min="11777" max="11777" width="4.6328125" style="1" customWidth="1"/>
    <col min="11778" max="11778" width="12.6328125" style="1" customWidth="1"/>
    <col min="11779" max="11779" width="9.08984375" style="1" customWidth="1"/>
    <col min="11780" max="11780" width="6.6328125" style="1" customWidth="1"/>
    <col min="11781" max="11781" width="8.6328125" style="1" customWidth="1"/>
    <col min="11782" max="11782" width="6.6328125" style="1" customWidth="1"/>
    <col min="11783" max="11783" width="8.6328125" style="1" customWidth="1"/>
    <col min="11784" max="11784" width="6.6328125" style="1" customWidth="1"/>
    <col min="11785" max="11785" width="8.6328125" style="1" customWidth="1"/>
    <col min="11786" max="11786" width="6.6328125" style="1" customWidth="1"/>
    <col min="11787" max="11787" width="8.6328125" style="1" customWidth="1"/>
    <col min="11788" max="11788" width="6.6328125" style="1" customWidth="1"/>
    <col min="11789" max="11789" width="8.6328125" style="1" customWidth="1"/>
    <col min="11790" max="11790" width="6.6328125" style="1" customWidth="1"/>
    <col min="11791" max="11791" width="8.6328125" style="1" customWidth="1"/>
    <col min="11792" max="11792" width="6.6328125" style="1" customWidth="1"/>
    <col min="11793" max="11793" width="8.6328125" style="1" customWidth="1"/>
    <col min="11794" max="11794" width="6.6328125" style="1" customWidth="1"/>
    <col min="11795" max="11796" width="8.6328125" style="1" customWidth="1"/>
    <col min="11797" max="11797" width="10.6328125" style="1" customWidth="1"/>
    <col min="11798" max="11798" width="4.6328125" style="1" customWidth="1"/>
    <col min="11799" max="11803" width="12.6328125" style="1" customWidth="1"/>
    <col min="11804" max="11804" width="8.6328125" style="1" customWidth="1"/>
    <col min="11805" max="11805" width="12.6328125" style="1" customWidth="1"/>
    <col min="11806" max="11806" width="4.453125" style="1" bestFit="1" customWidth="1"/>
    <col min="11807" max="12032" width="9" style="1"/>
    <col min="12033" max="12033" width="4.6328125" style="1" customWidth="1"/>
    <col min="12034" max="12034" width="12.6328125" style="1" customWidth="1"/>
    <col min="12035" max="12035" width="9.08984375" style="1" customWidth="1"/>
    <col min="12036" max="12036" width="6.6328125" style="1" customWidth="1"/>
    <col min="12037" max="12037" width="8.6328125" style="1" customWidth="1"/>
    <col min="12038" max="12038" width="6.6328125" style="1" customWidth="1"/>
    <col min="12039" max="12039" width="8.6328125" style="1" customWidth="1"/>
    <col min="12040" max="12040" width="6.6328125" style="1" customWidth="1"/>
    <col min="12041" max="12041" width="8.6328125" style="1" customWidth="1"/>
    <col min="12042" max="12042" width="6.6328125" style="1" customWidth="1"/>
    <col min="12043" max="12043" width="8.6328125" style="1" customWidth="1"/>
    <col min="12044" max="12044" width="6.6328125" style="1" customWidth="1"/>
    <col min="12045" max="12045" width="8.6328125" style="1" customWidth="1"/>
    <col min="12046" max="12046" width="6.6328125" style="1" customWidth="1"/>
    <col min="12047" max="12047" width="8.6328125" style="1" customWidth="1"/>
    <col min="12048" max="12048" width="6.6328125" style="1" customWidth="1"/>
    <col min="12049" max="12049" width="8.6328125" style="1" customWidth="1"/>
    <col min="12050" max="12050" width="6.6328125" style="1" customWidth="1"/>
    <col min="12051" max="12052" width="8.6328125" style="1" customWidth="1"/>
    <col min="12053" max="12053" width="10.6328125" style="1" customWidth="1"/>
    <col min="12054" max="12054" width="4.6328125" style="1" customWidth="1"/>
    <col min="12055" max="12059" width="12.6328125" style="1" customWidth="1"/>
    <col min="12060" max="12060" width="8.6328125" style="1" customWidth="1"/>
    <col min="12061" max="12061" width="12.6328125" style="1" customWidth="1"/>
    <col min="12062" max="12062" width="4.453125" style="1" bestFit="1" customWidth="1"/>
    <col min="12063" max="12288" width="9" style="1"/>
    <col min="12289" max="12289" width="4.6328125" style="1" customWidth="1"/>
    <col min="12290" max="12290" width="12.6328125" style="1" customWidth="1"/>
    <col min="12291" max="12291" width="9.08984375" style="1" customWidth="1"/>
    <col min="12292" max="12292" width="6.6328125" style="1" customWidth="1"/>
    <col min="12293" max="12293" width="8.6328125" style="1" customWidth="1"/>
    <col min="12294" max="12294" width="6.6328125" style="1" customWidth="1"/>
    <col min="12295" max="12295" width="8.6328125" style="1" customWidth="1"/>
    <col min="12296" max="12296" width="6.6328125" style="1" customWidth="1"/>
    <col min="12297" max="12297" width="8.6328125" style="1" customWidth="1"/>
    <col min="12298" max="12298" width="6.6328125" style="1" customWidth="1"/>
    <col min="12299" max="12299" width="8.6328125" style="1" customWidth="1"/>
    <col min="12300" max="12300" width="6.6328125" style="1" customWidth="1"/>
    <col min="12301" max="12301" width="8.6328125" style="1" customWidth="1"/>
    <col min="12302" max="12302" width="6.6328125" style="1" customWidth="1"/>
    <col min="12303" max="12303" width="8.6328125" style="1" customWidth="1"/>
    <col min="12304" max="12304" width="6.6328125" style="1" customWidth="1"/>
    <col min="12305" max="12305" width="8.6328125" style="1" customWidth="1"/>
    <col min="12306" max="12306" width="6.6328125" style="1" customWidth="1"/>
    <col min="12307" max="12308" width="8.6328125" style="1" customWidth="1"/>
    <col min="12309" max="12309" width="10.6328125" style="1" customWidth="1"/>
    <col min="12310" max="12310" width="4.6328125" style="1" customWidth="1"/>
    <col min="12311" max="12315" width="12.6328125" style="1" customWidth="1"/>
    <col min="12316" max="12316" width="8.6328125" style="1" customWidth="1"/>
    <col min="12317" max="12317" width="12.6328125" style="1" customWidth="1"/>
    <col min="12318" max="12318" width="4.453125" style="1" bestFit="1" customWidth="1"/>
    <col min="12319" max="12544" width="9" style="1"/>
    <col min="12545" max="12545" width="4.6328125" style="1" customWidth="1"/>
    <col min="12546" max="12546" width="12.6328125" style="1" customWidth="1"/>
    <col min="12547" max="12547" width="9.08984375" style="1" customWidth="1"/>
    <col min="12548" max="12548" width="6.6328125" style="1" customWidth="1"/>
    <col min="12549" max="12549" width="8.6328125" style="1" customWidth="1"/>
    <col min="12550" max="12550" width="6.6328125" style="1" customWidth="1"/>
    <col min="12551" max="12551" width="8.6328125" style="1" customWidth="1"/>
    <col min="12552" max="12552" width="6.6328125" style="1" customWidth="1"/>
    <col min="12553" max="12553" width="8.6328125" style="1" customWidth="1"/>
    <col min="12554" max="12554" width="6.6328125" style="1" customWidth="1"/>
    <col min="12555" max="12555" width="8.6328125" style="1" customWidth="1"/>
    <col min="12556" max="12556" width="6.6328125" style="1" customWidth="1"/>
    <col min="12557" max="12557" width="8.6328125" style="1" customWidth="1"/>
    <col min="12558" max="12558" width="6.6328125" style="1" customWidth="1"/>
    <col min="12559" max="12559" width="8.6328125" style="1" customWidth="1"/>
    <col min="12560" max="12560" width="6.6328125" style="1" customWidth="1"/>
    <col min="12561" max="12561" width="8.6328125" style="1" customWidth="1"/>
    <col min="12562" max="12562" width="6.6328125" style="1" customWidth="1"/>
    <col min="12563" max="12564" width="8.6328125" style="1" customWidth="1"/>
    <col min="12565" max="12565" width="10.6328125" style="1" customWidth="1"/>
    <col min="12566" max="12566" width="4.6328125" style="1" customWidth="1"/>
    <col min="12567" max="12571" width="12.6328125" style="1" customWidth="1"/>
    <col min="12572" max="12572" width="8.6328125" style="1" customWidth="1"/>
    <col min="12573" max="12573" width="12.6328125" style="1" customWidth="1"/>
    <col min="12574" max="12574" width="4.453125" style="1" bestFit="1" customWidth="1"/>
    <col min="12575" max="12800" width="9" style="1"/>
    <col min="12801" max="12801" width="4.6328125" style="1" customWidth="1"/>
    <col min="12802" max="12802" width="12.6328125" style="1" customWidth="1"/>
    <col min="12803" max="12803" width="9.08984375" style="1" customWidth="1"/>
    <col min="12804" max="12804" width="6.6328125" style="1" customWidth="1"/>
    <col min="12805" max="12805" width="8.6328125" style="1" customWidth="1"/>
    <col min="12806" max="12806" width="6.6328125" style="1" customWidth="1"/>
    <col min="12807" max="12807" width="8.6328125" style="1" customWidth="1"/>
    <col min="12808" max="12808" width="6.6328125" style="1" customWidth="1"/>
    <col min="12809" max="12809" width="8.6328125" style="1" customWidth="1"/>
    <col min="12810" max="12810" width="6.6328125" style="1" customWidth="1"/>
    <col min="12811" max="12811" width="8.6328125" style="1" customWidth="1"/>
    <col min="12812" max="12812" width="6.6328125" style="1" customWidth="1"/>
    <col min="12813" max="12813" width="8.6328125" style="1" customWidth="1"/>
    <col min="12814" max="12814" width="6.6328125" style="1" customWidth="1"/>
    <col min="12815" max="12815" width="8.6328125" style="1" customWidth="1"/>
    <col min="12816" max="12816" width="6.6328125" style="1" customWidth="1"/>
    <col min="12817" max="12817" width="8.6328125" style="1" customWidth="1"/>
    <col min="12818" max="12818" width="6.6328125" style="1" customWidth="1"/>
    <col min="12819" max="12820" width="8.6328125" style="1" customWidth="1"/>
    <col min="12821" max="12821" width="10.6328125" style="1" customWidth="1"/>
    <col min="12822" max="12822" width="4.6328125" style="1" customWidth="1"/>
    <col min="12823" max="12827" width="12.6328125" style="1" customWidth="1"/>
    <col min="12828" max="12828" width="8.6328125" style="1" customWidth="1"/>
    <col min="12829" max="12829" width="12.6328125" style="1" customWidth="1"/>
    <col min="12830" max="12830" width="4.453125" style="1" bestFit="1" customWidth="1"/>
    <col min="12831" max="13056" width="9" style="1"/>
    <col min="13057" max="13057" width="4.6328125" style="1" customWidth="1"/>
    <col min="13058" max="13058" width="12.6328125" style="1" customWidth="1"/>
    <col min="13059" max="13059" width="9.08984375" style="1" customWidth="1"/>
    <col min="13060" max="13060" width="6.6328125" style="1" customWidth="1"/>
    <col min="13061" max="13061" width="8.6328125" style="1" customWidth="1"/>
    <col min="13062" max="13062" width="6.6328125" style="1" customWidth="1"/>
    <col min="13063" max="13063" width="8.6328125" style="1" customWidth="1"/>
    <col min="13064" max="13064" width="6.6328125" style="1" customWidth="1"/>
    <col min="13065" max="13065" width="8.6328125" style="1" customWidth="1"/>
    <col min="13066" max="13066" width="6.6328125" style="1" customWidth="1"/>
    <col min="13067" max="13067" width="8.6328125" style="1" customWidth="1"/>
    <col min="13068" max="13068" width="6.6328125" style="1" customWidth="1"/>
    <col min="13069" max="13069" width="8.6328125" style="1" customWidth="1"/>
    <col min="13070" max="13070" width="6.6328125" style="1" customWidth="1"/>
    <col min="13071" max="13071" width="8.6328125" style="1" customWidth="1"/>
    <col min="13072" max="13072" width="6.6328125" style="1" customWidth="1"/>
    <col min="13073" max="13073" width="8.6328125" style="1" customWidth="1"/>
    <col min="13074" max="13074" width="6.6328125" style="1" customWidth="1"/>
    <col min="13075" max="13076" width="8.6328125" style="1" customWidth="1"/>
    <col min="13077" max="13077" width="10.6328125" style="1" customWidth="1"/>
    <col min="13078" max="13078" width="4.6328125" style="1" customWidth="1"/>
    <col min="13079" max="13083" width="12.6328125" style="1" customWidth="1"/>
    <col min="13084" max="13084" width="8.6328125" style="1" customWidth="1"/>
    <col min="13085" max="13085" width="12.6328125" style="1" customWidth="1"/>
    <col min="13086" max="13086" width="4.453125" style="1" bestFit="1" customWidth="1"/>
    <col min="13087" max="13312" width="9" style="1"/>
    <col min="13313" max="13313" width="4.6328125" style="1" customWidth="1"/>
    <col min="13314" max="13314" width="12.6328125" style="1" customWidth="1"/>
    <col min="13315" max="13315" width="9.08984375" style="1" customWidth="1"/>
    <col min="13316" max="13316" width="6.6328125" style="1" customWidth="1"/>
    <col min="13317" max="13317" width="8.6328125" style="1" customWidth="1"/>
    <col min="13318" max="13318" width="6.6328125" style="1" customWidth="1"/>
    <col min="13319" max="13319" width="8.6328125" style="1" customWidth="1"/>
    <col min="13320" max="13320" width="6.6328125" style="1" customWidth="1"/>
    <col min="13321" max="13321" width="8.6328125" style="1" customWidth="1"/>
    <col min="13322" max="13322" width="6.6328125" style="1" customWidth="1"/>
    <col min="13323" max="13323" width="8.6328125" style="1" customWidth="1"/>
    <col min="13324" max="13324" width="6.6328125" style="1" customWidth="1"/>
    <col min="13325" max="13325" width="8.6328125" style="1" customWidth="1"/>
    <col min="13326" max="13326" width="6.6328125" style="1" customWidth="1"/>
    <col min="13327" max="13327" width="8.6328125" style="1" customWidth="1"/>
    <col min="13328" max="13328" width="6.6328125" style="1" customWidth="1"/>
    <col min="13329" max="13329" width="8.6328125" style="1" customWidth="1"/>
    <col min="13330" max="13330" width="6.6328125" style="1" customWidth="1"/>
    <col min="13331" max="13332" width="8.6328125" style="1" customWidth="1"/>
    <col min="13333" max="13333" width="10.6328125" style="1" customWidth="1"/>
    <col min="13334" max="13334" width="4.6328125" style="1" customWidth="1"/>
    <col min="13335" max="13339" width="12.6328125" style="1" customWidth="1"/>
    <col min="13340" max="13340" width="8.6328125" style="1" customWidth="1"/>
    <col min="13341" max="13341" width="12.6328125" style="1" customWidth="1"/>
    <col min="13342" max="13342" width="4.453125" style="1" bestFit="1" customWidth="1"/>
    <col min="13343" max="13568" width="9" style="1"/>
    <col min="13569" max="13569" width="4.6328125" style="1" customWidth="1"/>
    <col min="13570" max="13570" width="12.6328125" style="1" customWidth="1"/>
    <col min="13571" max="13571" width="9.08984375" style="1" customWidth="1"/>
    <col min="13572" max="13572" width="6.6328125" style="1" customWidth="1"/>
    <col min="13573" max="13573" width="8.6328125" style="1" customWidth="1"/>
    <col min="13574" max="13574" width="6.6328125" style="1" customWidth="1"/>
    <col min="13575" max="13575" width="8.6328125" style="1" customWidth="1"/>
    <col min="13576" max="13576" width="6.6328125" style="1" customWidth="1"/>
    <col min="13577" max="13577" width="8.6328125" style="1" customWidth="1"/>
    <col min="13578" max="13578" width="6.6328125" style="1" customWidth="1"/>
    <col min="13579" max="13579" width="8.6328125" style="1" customWidth="1"/>
    <col min="13580" max="13580" width="6.6328125" style="1" customWidth="1"/>
    <col min="13581" max="13581" width="8.6328125" style="1" customWidth="1"/>
    <col min="13582" max="13582" width="6.6328125" style="1" customWidth="1"/>
    <col min="13583" max="13583" width="8.6328125" style="1" customWidth="1"/>
    <col min="13584" max="13584" width="6.6328125" style="1" customWidth="1"/>
    <col min="13585" max="13585" width="8.6328125" style="1" customWidth="1"/>
    <col min="13586" max="13586" width="6.6328125" style="1" customWidth="1"/>
    <col min="13587" max="13588" width="8.6328125" style="1" customWidth="1"/>
    <col min="13589" max="13589" width="10.6328125" style="1" customWidth="1"/>
    <col min="13590" max="13590" width="4.6328125" style="1" customWidth="1"/>
    <col min="13591" max="13595" width="12.6328125" style="1" customWidth="1"/>
    <col min="13596" max="13596" width="8.6328125" style="1" customWidth="1"/>
    <col min="13597" max="13597" width="12.6328125" style="1" customWidth="1"/>
    <col min="13598" max="13598" width="4.453125" style="1" bestFit="1" customWidth="1"/>
    <col min="13599" max="13824" width="9" style="1"/>
    <col min="13825" max="13825" width="4.6328125" style="1" customWidth="1"/>
    <col min="13826" max="13826" width="12.6328125" style="1" customWidth="1"/>
    <col min="13827" max="13827" width="9.08984375" style="1" customWidth="1"/>
    <col min="13828" max="13828" width="6.6328125" style="1" customWidth="1"/>
    <col min="13829" max="13829" width="8.6328125" style="1" customWidth="1"/>
    <col min="13830" max="13830" width="6.6328125" style="1" customWidth="1"/>
    <col min="13831" max="13831" width="8.6328125" style="1" customWidth="1"/>
    <col min="13832" max="13832" width="6.6328125" style="1" customWidth="1"/>
    <col min="13833" max="13833" width="8.6328125" style="1" customWidth="1"/>
    <col min="13834" max="13834" width="6.6328125" style="1" customWidth="1"/>
    <col min="13835" max="13835" width="8.6328125" style="1" customWidth="1"/>
    <col min="13836" max="13836" width="6.6328125" style="1" customWidth="1"/>
    <col min="13837" max="13837" width="8.6328125" style="1" customWidth="1"/>
    <col min="13838" max="13838" width="6.6328125" style="1" customWidth="1"/>
    <col min="13839" max="13839" width="8.6328125" style="1" customWidth="1"/>
    <col min="13840" max="13840" width="6.6328125" style="1" customWidth="1"/>
    <col min="13841" max="13841" width="8.6328125" style="1" customWidth="1"/>
    <col min="13842" max="13842" width="6.6328125" style="1" customWidth="1"/>
    <col min="13843" max="13844" width="8.6328125" style="1" customWidth="1"/>
    <col min="13845" max="13845" width="10.6328125" style="1" customWidth="1"/>
    <col min="13846" max="13846" width="4.6328125" style="1" customWidth="1"/>
    <col min="13847" max="13851" width="12.6328125" style="1" customWidth="1"/>
    <col min="13852" max="13852" width="8.6328125" style="1" customWidth="1"/>
    <col min="13853" max="13853" width="12.6328125" style="1" customWidth="1"/>
    <col min="13854" max="13854" width="4.453125" style="1" bestFit="1" customWidth="1"/>
    <col min="13855" max="14080" width="9" style="1"/>
    <col min="14081" max="14081" width="4.6328125" style="1" customWidth="1"/>
    <col min="14082" max="14082" width="12.6328125" style="1" customWidth="1"/>
    <col min="14083" max="14083" width="9.08984375" style="1" customWidth="1"/>
    <col min="14084" max="14084" width="6.6328125" style="1" customWidth="1"/>
    <col min="14085" max="14085" width="8.6328125" style="1" customWidth="1"/>
    <col min="14086" max="14086" width="6.6328125" style="1" customWidth="1"/>
    <col min="14087" max="14087" width="8.6328125" style="1" customWidth="1"/>
    <col min="14088" max="14088" width="6.6328125" style="1" customWidth="1"/>
    <col min="14089" max="14089" width="8.6328125" style="1" customWidth="1"/>
    <col min="14090" max="14090" width="6.6328125" style="1" customWidth="1"/>
    <col min="14091" max="14091" width="8.6328125" style="1" customWidth="1"/>
    <col min="14092" max="14092" width="6.6328125" style="1" customWidth="1"/>
    <col min="14093" max="14093" width="8.6328125" style="1" customWidth="1"/>
    <col min="14094" max="14094" width="6.6328125" style="1" customWidth="1"/>
    <col min="14095" max="14095" width="8.6328125" style="1" customWidth="1"/>
    <col min="14096" max="14096" width="6.6328125" style="1" customWidth="1"/>
    <col min="14097" max="14097" width="8.6328125" style="1" customWidth="1"/>
    <col min="14098" max="14098" width="6.6328125" style="1" customWidth="1"/>
    <col min="14099" max="14100" width="8.6328125" style="1" customWidth="1"/>
    <col min="14101" max="14101" width="10.6328125" style="1" customWidth="1"/>
    <col min="14102" max="14102" width="4.6328125" style="1" customWidth="1"/>
    <col min="14103" max="14107" width="12.6328125" style="1" customWidth="1"/>
    <col min="14108" max="14108" width="8.6328125" style="1" customWidth="1"/>
    <col min="14109" max="14109" width="12.6328125" style="1" customWidth="1"/>
    <col min="14110" max="14110" width="4.453125" style="1" bestFit="1" customWidth="1"/>
    <col min="14111" max="14336" width="9" style="1"/>
    <col min="14337" max="14337" width="4.6328125" style="1" customWidth="1"/>
    <col min="14338" max="14338" width="12.6328125" style="1" customWidth="1"/>
    <col min="14339" max="14339" width="9.08984375" style="1" customWidth="1"/>
    <col min="14340" max="14340" width="6.6328125" style="1" customWidth="1"/>
    <col min="14341" max="14341" width="8.6328125" style="1" customWidth="1"/>
    <col min="14342" max="14342" width="6.6328125" style="1" customWidth="1"/>
    <col min="14343" max="14343" width="8.6328125" style="1" customWidth="1"/>
    <col min="14344" max="14344" width="6.6328125" style="1" customWidth="1"/>
    <col min="14345" max="14345" width="8.6328125" style="1" customWidth="1"/>
    <col min="14346" max="14346" width="6.6328125" style="1" customWidth="1"/>
    <col min="14347" max="14347" width="8.6328125" style="1" customWidth="1"/>
    <col min="14348" max="14348" width="6.6328125" style="1" customWidth="1"/>
    <col min="14349" max="14349" width="8.6328125" style="1" customWidth="1"/>
    <col min="14350" max="14350" width="6.6328125" style="1" customWidth="1"/>
    <col min="14351" max="14351" width="8.6328125" style="1" customWidth="1"/>
    <col min="14352" max="14352" width="6.6328125" style="1" customWidth="1"/>
    <col min="14353" max="14353" width="8.6328125" style="1" customWidth="1"/>
    <col min="14354" max="14354" width="6.6328125" style="1" customWidth="1"/>
    <col min="14355" max="14356" width="8.6328125" style="1" customWidth="1"/>
    <col min="14357" max="14357" width="10.6328125" style="1" customWidth="1"/>
    <col min="14358" max="14358" width="4.6328125" style="1" customWidth="1"/>
    <col min="14359" max="14363" width="12.6328125" style="1" customWidth="1"/>
    <col min="14364" max="14364" width="8.6328125" style="1" customWidth="1"/>
    <col min="14365" max="14365" width="12.6328125" style="1" customWidth="1"/>
    <col min="14366" max="14366" width="4.453125" style="1" bestFit="1" customWidth="1"/>
    <col min="14367" max="14592" width="9" style="1"/>
    <col min="14593" max="14593" width="4.6328125" style="1" customWidth="1"/>
    <col min="14594" max="14594" width="12.6328125" style="1" customWidth="1"/>
    <col min="14595" max="14595" width="9.08984375" style="1" customWidth="1"/>
    <col min="14596" max="14596" width="6.6328125" style="1" customWidth="1"/>
    <col min="14597" max="14597" width="8.6328125" style="1" customWidth="1"/>
    <col min="14598" max="14598" width="6.6328125" style="1" customWidth="1"/>
    <col min="14599" max="14599" width="8.6328125" style="1" customWidth="1"/>
    <col min="14600" max="14600" width="6.6328125" style="1" customWidth="1"/>
    <col min="14601" max="14601" width="8.6328125" style="1" customWidth="1"/>
    <col min="14602" max="14602" width="6.6328125" style="1" customWidth="1"/>
    <col min="14603" max="14603" width="8.6328125" style="1" customWidth="1"/>
    <col min="14604" max="14604" width="6.6328125" style="1" customWidth="1"/>
    <col min="14605" max="14605" width="8.6328125" style="1" customWidth="1"/>
    <col min="14606" max="14606" width="6.6328125" style="1" customWidth="1"/>
    <col min="14607" max="14607" width="8.6328125" style="1" customWidth="1"/>
    <col min="14608" max="14608" width="6.6328125" style="1" customWidth="1"/>
    <col min="14609" max="14609" width="8.6328125" style="1" customWidth="1"/>
    <col min="14610" max="14610" width="6.6328125" style="1" customWidth="1"/>
    <col min="14611" max="14612" width="8.6328125" style="1" customWidth="1"/>
    <col min="14613" max="14613" width="10.6328125" style="1" customWidth="1"/>
    <col min="14614" max="14614" width="4.6328125" style="1" customWidth="1"/>
    <col min="14615" max="14619" width="12.6328125" style="1" customWidth="1"/>
    <col min="14620" max="14620" width="8.6328125" style="1" customWidth="1"/>
    <col min="14621" max="14621" width="12.6328125" style="1" customWidth="1"/>
    <col min="14622" max="14622" width="4.453125" style="1" bestFit="1" customWidth="1"/>
    <col min="14623" max="14848" width="9" style="1"/>
    <col min="14849" max="14849" width="4.6328125" style="1" customWidth="1"/>
    <col min="14850" max="14850" width="12.6328125" style="1" customWidth="1"/>
    <col min="14851" max="14851" width="9.08984375" style="1" customWidth="1"/>
    <col min="14852" max="14852" width="6.6328125" style="1" customWidth="1"/>
    <col min="14853" max="14853" width="8.6328125" style="1" customWidth="1"/>
    <col min="14854" max="14854" width="6.6328125" style="1" customWidth="1"/>
    <col min="14855" max="14855" width="8.6328125" style="1" customWidth="1"/>
    <col min="14856" max="14856" width="6.6328125" style="1" customWidth="1"/>
    <col min="14857" max="14857" width="8.6328125" style="1" customWidth="1"/>
    <col min="14858" max="14858" width="6.6328125" style="1" customWidth="1"/>
    <col min="14859" max="14859" width="8.6328125" style="1" customWidth="1"/>
    <col min="14860" max="14860" width="6.6328125" style="1" customWidth="1"/>
    <col min="14861" max="14861" width="8.6328125" style="1" customWidth="1"/>
    <col min="14862" max="14862" width="6.6328125" style="1" customWidth="1"/>
    <col min="14863" max="14863" width="8.6328125" style="1" customWidth="1"/>
    <col min="14864" max="14864" width="6.6328125" style="1" customWidth="1"/>
    <col min="14865" max="14865" width="8.6328125" style="1" customWidth="1"/>
    <col min="14866" max="14866" width="6.6328125" style="1" customWidth="1"/>
    <col min="14867" max="14868" width="8.6328125" style="1" customWidth="1"/>
    <col min="14869" max="14869" width="10.6328125" style="1" customWidth="1"/>
    <col min="14870" max="14870" width="4.6328125" style="1" customWidth="1"/>
    <col min="14871" max="14875" width="12.6328125" style="1" customWidth="1"/>
    <col min="14876" max="14876" width="8.6328125" style="1" customWidth="1"/>
    <col min="14877" max="14877" width="12.6328125" style="1" customWidth="1"/>
    <col min="14878" max="14878" width="4.453125" style="1" bestFit="1" customWidth="1"/>
    <col min="14879" max="15104" width="9" style="1"/>
    <col min="15105" max="15105" width="4.6328125" style="1" customWidth="1"/>
    <col min="15106" max="15106" width="12.6328125" style="1" customWidth="1"/>
    <col min="15107" max="15107" width="9.08984375" style="1" customWidth="1"/>
    <col min="15108" max="15108" width="6.6328125" style="1" customWidth="1"/>
    <col min="15109" max="15109" width="8.6328125" style="1" customWidth="1"/>
    <col min="15110" max="15110" width="6.6328125" style="1" customWidth="1"/>
    <col min="15111" max="15111" width="8.6328125" style="1" customWidth="1"/>
    <col min="15112" max="15112" width="6.6328125" style="1" customWidth="1"/>
    <col min="15113" max="15113" width="8.6328125" style="1" customWidth="1"/>
    <col min="15114" max="15114" width="6.6328125" style="1" customWidth="1"/>
    <col min="15115" max="15115" width="8.6328125" style="1" customWidth="1"/>
    <col min="15116" max="15116" width="6.6328125" style="1" customWidth="1"/>
    <col min="15117" max="15117" width="8.6328125" style="1" customWidth="1"/>
    <col min="15118" max="15118" width="6.6328125" style="1" customWidth="1"/>
    <col min="15119" max="15119" width="8.6328125" style="1" customWidth="1"/>
    <col min="15120" max="15120" width="6.6328125" style="1" customWidth="1"/>
    <col min="15121" max="15121" width="8.6328125" style="1" customWidth="1"/>
    <col min="15122" max="15122" width="6.6328125" style="1" customWidth="1"/>
    <col min="15123" max="15124" width="8.6328125" style="1" customWidth="1"/>
    <col min="15125" max="15125" width="10.6328125" style="1" customWidth="1"/>
    <col min="15126" max="15126" width="4.6328125" style="1" customWidth="1"/>
    <col min="15127" max="15131" width="12.6328125" style="1" customWidth="1"/>
    <col min="15132" max="15132" width="8.6328125" style="1" customWidth="1"/>
    <col min="15133" max="15133" width="12.6328125" style="1" customWidth="1"/>
    <col min="15134" max="15134" width="4.453125" style="1" bestFit="1" customWidth="1"/>
    <col min="15135" max="15360" width="9" style="1"/>
    <col min="15361" max="15361" width="4.6328125" style="1" customWidth="1"/>
    <col min="15362" max="15362" width="12.6328125" style="1" customWidth="1"/>
    <col min="15363" max="15363" width="9.08984375" style="1" customWidth="1"/>
    <col min="15364" max="15364" width="6.6328125" style="1" customWidth="1"/>
    <col min="15365" max="15365" width="8.6328125" style="1" customWidth="1"/>
    <col min="15366" max="15366" width="6.6328125" style="1" customWidth="1"/>
    <col min="15367" max="15367" width="8.6328125" style="1" customWidth="1"/>
    <col min="15368" max="15368" width="6.6328125" style="1" customWidth="1"/>
    <col min="15369" max="15369" width="8.6328125" style="1" customWidth="1"/>
    <col min="15370" max="15370" width="6.6328125" style="1" customWidth="1"/>
    <col min="15371" max="15371" width="8.6328125" style="1" customWidth="1"/>
    <col min="15372" max="15372" width="6.6328125" style="1" customWidth="1"/>
    <col min="15373" max="15373" width="8.6328125" style="1" customWidth="1"/>
    <col min="15374" max="15374" width="6.6328125" style="1" customWidth="1"/>
    <col min="15375" max="15375" width="8.6328125" style="1" customWidth="1"/>
    <col min="15376" max="15376" width="6.6328125" style="1" customWidth="1"/>
    <col min="15377" max="15377" width="8.6328125" style="1" customWidth="1"/>
    <col min="15378" max="15378" width="6.6328125" style="1" customWidth="1"/>
    <col min="15379" max="15380" width="8.6328125" style="1" customWidth="1"/>
    <col min="15381" max="15381" width="10.6328125" style="1" customWidth="1"/>
    <col min="15382" max="15382" width="4.6328125" style="1" customWidth="1"/>
    <col min="15383" max="15387" width="12.6328125" style="1" customWidth="1"/>
    <col min="15388" max="15388" width="8.6328125" style="1" customWidth="1"/>
    <col min="15389" max="15389" width="12.6328125" style="1" customWidth="1"/>
    <col min="15390" max="15390" width="4.453125" style="1" bestFit="1" customWidth="1"/>
    <col min="15391" max="15616" width="9" style="1"/>
    <col min="15617" max="15617" width="4.6328125" style="1" customWidth="1"/>
    <col min="15618" max="15618" width="12.6328125" style="1" customWidth="1"/>
    <col min="15619" max="15619" width="9.08984375" style="1" customWidth="1"/>
    <col min="15620" max="15620" width="6.6328125" style="1" customWidth="1"/>
    <col min="15621" max="15621" width="8.6328125" style="1" customWidth="1"/>
    <col min="15622" max="15622" width="6.6328125" style="1" customWidth="1"/>
    <col min="15623" max="15623" width="8.6328125" style="1" customWidth="1"/>
    <col min="15624" max="15624" width="6.6328125" style="1" customWidth="1"/>
    <col min="15625" max="15625" width="8.6328125" style="1" customWidth="1"/>
    <col min="15626" max="15626" width="6.6328125" style="1" customWidth="1"/>
    <col min="15627" max="15627" width="8.6328125" style="1" customWidth="1"/>
    <col min="15628" max="15628" width="6.6328125" style="1" customWidth="1"/>
    <col min="15629" max="15629" width="8.6328125" style="1" customWidth="1"/>
    <col min="15630" max="15630" width="6.6328125" style="1" customWidth="1"/>
    <col min="15631" max="15631" width="8.6328125" style="1" customWidth="1"/>
    <col min="15632" max="15632" width="6.6328125" style="1" customWidth="1"/>
    <col min="15633" max="15633" width="8.6328125" style="1" customWidth="1"/>
    <col min="15634" max="15634" width="6.6328125" style="1" customWidth="1"/>
    <col min="15635" max="15636" width="8.6328125" style="1" customWidth="1"/>
    <col min="15637" max="15637" width="10.6328125" style="1" customWidth="1"/>
    <col min="15638" max="15638" width="4.6328125" style="1" customWidth="1"/>
    <col min="15639" max="15643" width="12.6328125" style="1" customWidth="1"/>
    <col min="15644" max="15644" width="8.6328125" style="1" customWidth="1"/>
    <col min="15645" max="15645" width="12.6328125" style="1" customWidth="1"/>
    <col min="15646" max="15646" width="4.453125" style="1" bestFit="1" customWidth="1"/>
    <col min="15647" max="15872" width="9" style="1"/>
    <col min="15873" max="15873" width="4.6328125" style="1" customWidth="1"/>
    <col min="15874" max="15874" width="12.6328125" style="1" customWidth="1"/>
    <col min="15875" max="15875" width="9.08984375" style="1" customWidth="1"/>
    <col min="15876" max="15876" width="6.6328125" style="1" customWidth="1"/>
    <col min="15877" max="15877" width="8.6328125" style="1" customWidth="1"/>
    <col min="15878" max="15878" width="6.6328125" style="1" customWidth="1"/>
    <col min="15879" max="15879" width="8.6328125" style="1" customWidth="1"/>
    <col min="15880" max="15880" width="6.6328125" style="1" customWidth="1"/>
    <col min="15881" max="15881" width="8.6328125" style="1" customWidth="1"/>
    <col min="15882" max="15882" width="6.6328125" style="1" customWidth="1"/>
    <col min="15883" max="15883" width="8.6328125" style="1" customWidth="1"/>
    <col min="15884" max="15884" width="6.6328125" style="1" customWidth="1"/>
    <col min="15885" max="15885" width="8.6328125" style="1" customWidth="1"/>
    <col min="15886" max="15886" width="6.6328125" style="1" customWidth="1"/>
    <col min="15887" max="15887" width="8.6328125" style="1" customWidth="1"/>
    <col min="15888" max="15888" width="6.6328125" style="1" customWidth="1"/>
    <col min="15889" max="15889" width="8.6328125" style="1" customWidth="1"/>
    <col min="15890" max="15890" width="6.6328125" style="1" customWidth="1"/>
    <col min="15891" max="15892" width="8.6328125" style="1" customWidth="1"/>
    <col min="15893" max="15893" width="10.6328125" style="1" customWidth="1"/>
    <col min="15894" max="15894" width="4.6328125" style="1" customWidth="1"/>
    <col min="15895" max="15899" width="12.6328125" style="1" customWidth="1"/>
    <col min="15900" max="15900" width="8.6328125" style="1" customWidth="1"/>
    <col min="15901" max="15901" width="12.6328125" style="1" customWidth="1"/>
    <col min="15902" max="15902" width="4.453125" style="1" bestFit="1" customWidth="1"/>
    <col min="15903" max="16128" width="9" style="1"/>
    <col min="16129" max="16129" width="4.6328125" style="1" customWidth="1"/>
    <col min="16130" max="16130" width="12.6328125" style="1" customWidth="1"/>
    <col min="16131" max="16131" width="9.08984375" style="1" customWidth="1"/>
    <col min="16132" max="16132" width="6.6328125" style="1" customWidth="1"/>
    <col min="16133" max="16133" width="8.6328125" style="1" customWidth="1"/>
    <col min="16134" max="16134" width="6.6328125" style="1" customWidth="1"/>
    <col min="16135" max="16135" width="8.6328125" style="1" customWidth="1"/>
    <col min="16136" max="16136" width="6.6328125" style="1" customWidth="1"/>
    <col min="16137" max="16137" width="8.6328125" style="1" customWidth="1"/>
    <col min="16138" max="16138" width="6.6328125" style="1" customWidth="1"/>
    <col min="16139" max="16139" width="8.6328125" style="1" customWidth="1"/>
    <col min="16140" max="16140" width="6.6328125" style="1" customWidth="1"/>
    <col min="16141" max="16141" width="8.6328125" style="1" customWidth="1"/>
    <col min="16142" max="16142" width="6.6328125" style="1" customWidth="1"/>
    <col min="16143" max="16143" width="8.6328125" style="1" customWidth="1"/>
    <col min="16144" max="16144" width="6.6328125" style="1" customWidth="1"/>
    <col min="16145" max="16145" width="8.6328125" style="1" customWidth="1"/>
    <col min="16146" max="16146" width="6.6328125" style="1" customWidth="1"/>
    <col min="16147" max="16148" width="8.6328125" style="1" customWidth="1"/>
    <col min="16149" max="16149" width="10.6328125" style="1" customWidth="1"/>
    <col min="16150" max="16150" width="4.6328125" style="1" customWidth="1"/>
    <col min="16151" max="16155" width="12.6328125" style="1" customWidth="1"/>
    <col min="16156" max="16156" width="8.6328125" style="1" customWidth="1"/>
    <col min="16157" max="16157" width="12.6328125" style="1" customWidth="1"/>
    <col min="16158" max="16158" width="4.453125" style="1" bestFit="1" customWidth="1"/>
    <col min="16159" max="16384" width="9" style="1"/>
  </cols>
  <sheetData>
    <row r="1" spans="1:30" ht="15" hidden="1" customHeight="1">
      <c r="A1" s="1" t="s">
        <v>0</v>
      </c>
      <c r="V1" s="1" t="s">
        <v>1</v>
      </c>
    </row>
    <row r="2" spans="1:30" ht="15" hidden="1" customHeight="1">
      <c r="C2" s="2" t="s">
        <v>2</v>
      </c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4"/>
      <c r="T2" s="5" t="s">
        <v>3</v>
      </c>
      <c r="U2" s="6"/>
      <c r="V2" s="7"/>
      <c r="W2" s="7"/>
      <c r="X2" s="8" t="s">
        <v>4</v>
      </c>
      <c r="Y2" s="2" t="s">
        <v>5</v>
      </c>
      <c r="Z2" s="3"/>
      <c r="AA2" s="4"/>
      <c r="AB2" s="2" t="s">
        <v>6</v>
      </c>
      <c r="AC2" s="3"/>
    </row>
    <row r="3" spans="1:30" ht="15" hidden="1" customHeight="1">
      <c r="A3" s="9"/>
      <c r="B3" s="9"/>
      <c r="C3" s="10" t="s">
        <v>7</v>
      </c>
      <c r="D3" s="2" t="s">
        <v>8</v>
      </c>
      <c r="E3" s="4"/>
      <c r="F3" s="11" t="s">
        <v>9</v>
      </c>
      <c r="G3" s="12"/>
      <c r="H3" s="11" t="s">
        <v>10</v>
      </c>
      <c r="I3" s="12"/>
      <c r="J3" s="11" t="s">
        <v>11</v>
      </c>
      <c r="K3" s="12"/>
      <c r="L3" s="11" t="s">
        <v>12</v>
      </c>
      <c r="M3" s="12"/>
      <c r="N3" s="2" t="s">
        <v>13</v>
      </c>
      <c r="O3" s="4"/>
      <c r="P3" s="2" t="s">
        <v>14</v>
      </c>
      <c r="Q3" s="4"/>
      <c r="R3" s="2" t="s">
        <v>15</v>
      </c>
      <c r="S3" s="4"/>
      <c r="T3" s="13"/>
      <c r="U3" s="14"/>
      <c r="V3" s="15"/>
      <c r="W3" s="15"/>
      <c r="X3" s="16" t="s">
        <v>16</v>
      </c>
      <c r="Y3" s="17" t="s">
        <v>17</v>
      </c>
      <c r="Z3" s="18" t="s">
        <v>18</v>
      </c>
      <c r="AA3" s="19"/>
      <c r="AB3" s="2" t="s">
        <v>19</v>
      </c>
      <c r="AC3" s="4"/>
    </row>
    <row r="4" spans="1:30" ht="15" hidden="1" customHeight="1">
      <c r="A4" s="20"/>
      <c r="B4" s="20"/>
      <c r="C4" s="10" t="s">
        <v>20</v>
      </c>
      <c r="D4" s="10" t="s">
        <v>20</v>
      </c>
      <c r="E4" s="10" t="s">
        <v>21</v>
      </c>
      <c r="F4" s="21" t="s">
        <v>22</v>
      </c>
      <c r="G4" s="21" t="s">
        <v>23</v>
      </c>
      <c r="H4" s="21" t="s">
        <v>22</v>
      </c>
      <c r="I4" s="21" t="s">
        <v>23</v>
      </c>
      <c r="J4" s="21" t="s">
        <v>22</v>
      </c>
      <c r="K4" s="21" t="s">
        <v>23</v>
      </c>
      <c r="L4" s="21" t="s">
        <v>22</v>
      </c>
      <c r="M4" s="21" t="s">
        <v>23</v>
      </c>
      <c r="N4" s="10" t="s">
        <v>20</v>
      </c>
      <c r="O4" s="10" t="s">
        <v>21</v>
      </c>
      <c r="P4" s="10" t="s">
        <v>20</v>
      </c>
      <c r="Q4" s="10" t="s">
        <v>21</v>
      </c>
      <c r="R4" s="10" t="s">
        <v>20</v>
      </c>
      <c r="S4" s="10" t="s">
        <v>21</v>
      </c>
      <c r="T4" s="10" t="s">
        <v>20</v>
      </c>
      <c r="U4" s="10" t="s">
        <v>21</v>
      </c>
      <c r="V4" s="22"/>
      <c r="W4" s="22"/>
      <c r="X4" s="20"/>
      <c r="Y4" s="23"/>
      <c r="AA4" s="10" t="s">
        <v>24</v>
      </c>
      <c r="AB4" s="24" t="s">
        <v>20</v>
      </c>
      <c r="AC4" s="10" t="s">
        <v>25</v>
      </c>
    </row>
    <row r="5" spans="1:30" ht="15" hidden="1" customHeight="1">
      <c r="A5" s="25"/>
      <c r="B5" s="25"/>
      <c r="C5" s="26" t="s">
        <v>26</v>
      </c>
      <c r="D5" s="26" t="s">
        <v>27</v>
      </c>
      <c r="E5" s="26" t="s">
        <v>28</v>
      </c>
      <c r="F5" s="26" t="s">
        <v>29</v>
      </c>
      <c r="G5" s="26" t="s">
        <v>30</v>
      </c>
      <c r="H5" s="26" t="s">
        <v>31</v>
      </c>
      <c r="I5" s="26" t="s">
        <v>32</v>
      </c>
      <c r="J5" s="26" t="s">
        <v>33</v>
      </c>
      <c r="K5" s="26" t="s">
        <v>34</v>
      </c>
      <c r="L5" s="26" t="s">
        <v>35</v>
      </c>
      <c r="M5" s="26" t="s">
        <v>36</v>
      </c>
      <c r="N5" s="26" t="s">
        <v>37</v>
      </c>
      <c r="O5" s="26" t="s">
        <v>38</v>
      </c>
      <c r="P5" s="26" t="s">
        <v>39</v>
      </c>
      <c r="Q5" s="26" t="s">
        <v>40</v>
      </c>
      <c r="R5" s="26" t="s">
        <v>41</v>
      </c>
      <c r="S5" s="26" t="s">
        <v>42</v>
      </c>
      <c r="T5" s="26" t="s">
        <v>43</v>
      </c>
      <c r="U5" s="26" t="s">
        <v>44</v>
      </c>
      <c r="V5" s="26"/>
      <c r="W5" s="26"/>
      <c r="X5" s="26" t="s">
        <v>45</v>
      </c>
      <c r="Y5" s="26" t="s">
        <v>46</v>
      </c>
      <c r="Z5" s="26" t="s">
        <v>47</v>
      </c>
      <c r="AA5" s="26" t="s">
        <v>48</v>
      </c>
      <c r="AB5" s="26" t="s">
        <v>49</v>
      </c>
      <c r="AC5" s="26" t="s">
        <v>50</v>
      </c>
    </row>
    <row r="6" spans="1:30" ht="15" hidden="1" customHeight="1">
      <c r="C6" s="27"/>
      <c r="D6" s="27"/>
      <c r="E6" s="27"/>
      <c r="F6" s="27"/>
      <c r="G6" s="27"/>
      <c r="H6" s="27"/>
      <c r="I6" s="27"/>
      <c r="J6" s="27"/>
      <c r="K6" s="27"/>
      <c r="L6" s="27"/>
      <c r="M6" s="27"/>
      <c r="N6" s="27"/>
      <c r="O6" s="27"/>
      <c r="P6" s="27"/>
      <c r="Q6" s="27"/>
      <c r="R6" s="27"/>
      <c r="S6" s="27"/>
      <c r="T6" s="27"/>
      <c r="U6" s="27"/>
      <c r="V6" s="27"/>
      <c r="W6" s="27"/>
      <c r="X6" s="27"/>
      <c r="Y6" s="27"/>
      <c r="Z6" s="27"/>
      <c r="AA6" s="27"/>
      <c r="AB6" s="27"/>
      <c r="AC6" s="27"/>
    </row>
    <row r="7" spans="1:30" ht="15" customHeight="1">
      <c r="A7" s="1" t="s">
        <v>51</v>
      </c>
      <c r="V7" s="1" t="s">
        <v>1</v>
      </c>
    </row>
    <row r="8" spans="1:30" ht="15" customHeight="1">
      <c r="A8" s="28" t="s">
        <v>52</v>
      </c>
      <c r="B8" s="6" t="s">
        <v>53</v>
      </c>
      <c r="C8" s="2" t="s">
        <v>2</v>
      </c>
      <c r="D8" s="3"/>
      <c r="E8" s="3"/>
      <c r="F8" s="3"/>
      <c r="G8" s="3"/>
      <c r="H8" s="3"/>
      <c r="I8" s="3"/>
      <c r="J8" s="3"/>
      <c r="K8" s="3"/>
      <c r="L8" s="3"/>
      <c r="M8" s="3"/>
      <c r="N8" s="3"/>
      <c r="O8" s="3"/>
      <c r="P8" s="3"/>
      <c r="Q8" s="3"/>
      <c r="R8" s="3"/>
      <c r="S8" s="4"/>
      <c r="T8" s="5" t="s">
        <v>3</v>
      </c>
      <c r="U8" s="6"/>
      <c r="V8" s="28" t="s">
        <v>52</v>
      </c>
      <c r="W8" s="6" t="s">
        <v>53</v>
      </c>
      <c r="X8" s="8" t="s">
        <v>4</v>
      </c>
      <c r="Y8" s="2" t="s">
        <v>5</v>
      </c>
      <c r="Z8" s="3"/>
      <c r="AA8" s="4"/>
      <c r="AB8" s="2" t="s">
        <v>6</v>
      </c>
      <c r="AC8" s="4"/>
      <c r="AD8" s="29" t="s">
        <v>52</v>
      </c>
    </row>
    <row r="9" spans="1:30" ht="15" customHeight="1">
      <c r="A9" s="30"/>
      <c r="B9" s="31"/>
      <c r="C9" s="10" t="s">
        <v>7</v>
      </c>
      <c r="D9" s="2" t="s">
        <v>8</v>
      </c>
      <c r="E9" s="4"/>
      <c r="F9" s="11" t="s">
        <v>9</v>
      </c>
      <c r="G9" s="12"/>
      <c r="H9" s="11" t="s">
        <v>10</v>
      </c>
      <c r="I9" s="12"/>
      <c r="J9" s="11" t="s">
        <v>11</v>
      </c>
      <c r="K9" s="12"/>
      <c r="L9" s="11" t="s">
        <v>12</v>
      </c>
      <c r="M9" s="12"/>
      <c r="N9" s="2" t="s">
        <v>13</v>
      </c>
      <c r="O9" s="4"/>
      <c r="P9" s="2" t="s">
        <v>14</v>
      </c>
      <c r="Q9" s="4"/>
      <c r="R9" s="2" t="s">
        <v>15</v>
      </c>
      <c r="S9" s="4"/>
      <c r="T9" s="13"/>
      <c r="U9" s="14"/>
      <c r="V9" s="30"/>
      <c r="W9" s="31"/>
      <c r="X9" s="16" t="s">
        <v>16</v>
      </c>
      <c r="Y9" s="17" t="s">
        <v>54</v>
      </c>
      <c r="Z9" s="17" t="s">
        <v>18</v>
      </c>
      <c r="AA9" s="6" t="s">
        <v>55</v>
      </c>
      <c r="AB9" s="2" t="s">
        <v>19</v>
      </c>
      <c r="AC9" s="4"/>
      <c r="AD9" s="32"/>
    </row>
    <row r="10" spans="1:30" ht="15" customHeight="1">
      <c r="A10" s="33"/>
      <c r="B10" s="14"/>
      <c r="C10" s="10" t="s">
        <v>20</v>
      </c>
      <c r="D10" s="10" t="s">
        <v>20</v>
      </c>
      <c r="E10" s="10" t="s">
        <v>21</v>
      </c>
      <c r="F10" s="21" t="s">
        <v>22</v>
      </c>
      <c r="G10" s="21" t="s">
        <v>23</v>
      </c>
      <c r="H10" s="21" t="s">
        <v>22</v>
      </c>
      <c r="I10" s="21" t="s">
        <v>23</v>
      </c>
      <c r="J10" s="21" t="s">
        <v>22</v>
      </c>
      <c r="K10" s="21" t="s">
        <v>23</v>
      </c>
      <c r="L10" s="21" t="s">
        <v>22</v>
      </c>
      <c r="M10" s="21" t="s">
        <v>23</v>
      </c>
      <c r="N10" s="10" t="s">
        <v>20</v>
      </c>
      <c r="O10" s="10" t="s">
        <v>21</v>
      </c>
      <c r="P10" s="10" t="s">
        <v>20</v>
      </c>
      <c r="Q10" s="10" t="s">
        <v>21</v>
      </c>
      <c r="R10" s="10" t="s">
        <v>20</v>
      </c>
      <c r="S10" s="10" t="s">
        <v>21</v>
      </c>
      <c r="T10" s="10" t="s">
        <v>20</v>
      </c>
      <c r="U10" s="10" t="s">
        <v>21</v>
      </c>
      <c r="V10" s="33"/>
      <c r="W10" s="14"/>
      <c r="X10" s="20"/>
      <c r="Y10" s="23"/>
      <c r="Z10" s="23"/>
      <c r="AA10" s="14"/>
      <c r="AB10" s="24" t="s">
        <v>20</v>
      </c>
      <c r="AC10" s="10" t="s">
        <v>25</v>
      </c>
      <c r="AD10" s="34"/>
    </row>
    <row r="11" spans="1:30" ht="15" customHeight="1">
      <c r="A11" s="9"/>
      <c r="B11" s="35"/>
      <c r="C11" s="36" t="s">
        <v>56</v>
      </c>
      <c r="D11" s="36" t="s">
        <v>56</v>
      </c>
      <c r="E11" s="36" t="s">
        <v>57</v>
      </c>
      <c r="F11" s="36" t="s">
        <v>56</v>
      </c>
      <c r="G11" s="36" t="s">
        <v>57</v>
      </c>
      <c r="H11" s="36" t="s">
        <v>56</v>
      </c>
      <c r="I11" s="36" t="s">
        <v>57</v>
      </c>
      <c r="J11" s="36" t="s">
        <v>56</v>
      </c>
      <c r="K11" s="36" t="s">
        <v>57</v>
      </c>
      <c r="L11" s="36" t="s">
        <v>56</v>
      </c>
      <c r="M11" s="36" t="s">
        <v>57</v>
      </c>
      <c r="N11" s="36" t="s">
        <v>56</v>
      </c>
      <c r="O11" s="36" t="s">
        <v>57</v>
      </c>
      <c r="P11" s="36" t="s">
        <v>56</v>
      </c>
      <c r="Q11" s="36" t="s">
        <v>57</v>
      </c>
      <c r="R11" s="36" t="s">
        <v>56</v>
      </c>
      <c r="S11" s="36" t="s">
        <v>57</v>
      </c>
      <c r="T11" s="36" t="s">
        <v>56</v>
      </c>
      <c r="U11" s="36" t="s">
        <v>57</v>
      </c>
      <c r="V11" s="9"/>
      <c r="W11" s="35"/>
      <c r="X11" s="36" t="s">
        <v>58</v>
      </c>
      <c r="Y11" s="36" t="s">
        <v>57</v>
      </c>
      <c r="Z11" s="36" t="s">
        <v>57</v>
      </c>
      <c r="AA11" s="36" t="s">
        <v>57</v>
      </c>
      <c r="AB11" s="36" t="s">
        <v>56</v>
      </c>
      <c r="AC11" s="36" t="s">
        <v>57</v>
      </c>
      <c r="AD11" s="35"/>
    </row>
    <row r="12" spans="1:30" ht="15" customHeight="1">
      <c r="A12" s="37"/>
      <c r="B12" s="38" t="s">
        <v>59</v>
      </c>
      <c r="C12" s="39">
        <f>'[1]第8,10表元データ'!AX25</f>
        <v>0</v>
      </c>
      <c r="D12" s="39">
        <f>'[1]第8,10表元データ'!AY25</f>
        <v>0</v>
      </c>
      <c r="E12" s="39">
        <f>ROUND(('[1]第8,10表元データ'!AZ25)/1000,0)</f>
        <v>0</v>
      </c>
      <c r="F12" s="39">
        <f>'[1]第8,10表元データ'!BA25</f>
        <v>0</v>
      </c>
      <c r="G12" s="39">
        <f>ROUND(('[1]第8,10表元データ'!BB25)/1000,0)</f>
        <v>0</v>
      </c>
      <c r="H12" s="39">
        <f>'[1]第8,10表元データ'!BC25</f>
        <v>0</v>
      </c>
      <c r="I12" s="39">
        <f>ROUND(('[1]第8,10表元データ'!BD25)/1000,0)</f>
        <v>0</v>
      </c>
      <c r="J12" s="39">
        <f>'[1]第8,10表元データ'!BE25</f>
        <v>0</v>
      </c>
      <c r="K12" s="39">
        <f>ROUND(('[1]第8,10表元データ'!BF25)/1000,0)</f>
        <v>0</v>
      </c>
      <c r="L12" s="39">
        <f>'[1]第8,10表元データ'!BG25</f>
        <v>0</v>
      </c>
      <c r="M12" s="39">
        <f>ROUND(('[1]第8,10表元データ'!BH25)/1000,0)</f>
        <v>0</v>
      </c>
      <c r="N12" s="39">
        <f>'[1]第8,10表元データ'!BI25</f>
        <v>0</v>
      </c>
      <c r="O12" s="39">
        <f>ROUND(('[1]第8,10表元データ'!BJ25)/1000,0)</f>
        <v>0</v>
      </c>
      <c r="P12" s="39">
        <f>'[1]第8,10表元データ'!BK25</f>
        <v>0</v>
      </c>
      <c r="Q12" s="39">
        <f>ROUND(('[1]第8,10表元データ'!BL25)/1000,0)</f>
        <v>0</v>
      </c>
      <c r="R12" s="39">
        <f>'[1]第8,10表元データ'!BM25</f>
        <v>0</v>
      </c>
      <c r="S12" s="39">
        <f>ROUND(('[1]第8,10表元データ'!BN25)/1000,0)</f>
        <v>0</v>
      </c>
      <c r="T12" s="39">
        <f>'[1]第8,10表元データ'!BO25</f>
        <v>0</v>
      </c>
      <c r="U12" s="39">
        <f>ROUND(('[1]第8,10表元データ'!BP25)/1000,0)</f>
        <v>0</v>
      </c>
      <c r="V12" s="37"/>
      <c r="W12" s="38" t="s">
        <v>59</v>
      </c>
      <c r="X12" s="50">
        <v>0</v>
      </c>
      <c r="Y12" s="50">
        <f>ROUND(('[1]第8,10表元データ'!BQ25)/1000,0)</f>
        <v>0</v>
      </c>
      <c r="Z12" s="50">
        <f>ROUND(('[1]第8,10表元データ'!BR25)/1000,0)</f>
        <v>0</v>
      </c>
      <c r="AA12" s="50">
        <f>ROUND(('[1]第8,10表元データ'!BS25)/1000,0)</f>
        <v>0</v>
      </c>
      <c r="AB12" s="50">
        <f>'[1]第8,10表元データ'!BT25</f>
        <v>0</v>
      </c>
      <c r="AC12" s="50">
        <f>ROUND(('[1]第8,10表元データ'!BU25)/1000,0)</f>
        <v>0</v>
      </c>
      <c r="AD12" s="40"/>
    </row>
    <row r="13" spans="1:30" ht="15" customHeight="1">
      <c r="A13" s="41"/>
      <c r="B13" s="19" t="s">
        <v>60</v>
      </c>
      <c r="C13" s="42">
        <f>'[1]第8,10表元データ'!AX23</f>
        <v>0</v>
      </c>
      <c r="D13" s="42">
        <f>'[1]第8,10表元データ'!AY23</f>
        <v>0</v>
      </c>
      <c r="E13" s="42">
        <f>ROUND(('[1]第8,10表元データ'!AZ23)/1000,0)</f>
        <v>0</v>
      </c>
      <c r="F13" s="42">
        <f>'[1]第8,10表元データ'!BA23</f>
        <v>0</v>
      </c>
      <c r="G13" s="42">
        <f>ROUND(('[1]第8,10表元データ'!BB23)/1000,0)</f>
        <v>0</v>
      </c>
      <c r="H13" s="42">
        <f>'[1]第8,10表元データ'!BC23</f>
        <v>0</v>
      </c>
      <c r="I13" s="42">
        <f>ROUND(('[1]第8,10表元データ'!BD23)/1000,0)</f>
        <v>0</v>
      </c>
      <c r="J13" s="42">
        <f>'[1]第8,10表元データ'!BE23</f>
        <v>0</v>
      </c>
      <c r="K13" s="42">
        <f>ROUND(('[1]第8,10表元データ'!BF23)/1000,0)</f>
        <v>0</v>
      </c>
      <c r="L13" s="42">
        <f>'[1]第8,10表元データ'!BG23</f>
        <v>0</v>
      </c>
      <c r="M13" s="42">
        <f>ROUND(('[1]第8,10表元データ'!BH23)/1000,0)</f>
        <v>0</v>
      </c>
      <c r="N13" s="42">
        <f>'[1]第8,10表元データ'!BI23</f>
        <v>0</v>
      </c>
      <c r="O13" s="42">
        <f>ROUND(('[1]第8,10表元データ'!BJ23)/1000,0)</f>
        <v>0</v>
      </c>
      <c r="P13" s="42">
        <f>'[1]第8,10表元データ'!BK23</f>
        <v>0</v>
      </c>
      <c r="Q13" s="42">
        <f>ROUND(('[1]第8,10表元データ'!BL23)/1000,0)</f>
        <v>0</v>
      </c>
      <c r="R13" s="42">
        <f>'[1]第8,10表元データ'!BM23</f>
        <v>0</v>
      </c>
      <c r="S13" s="42">
        <f>ROUND(('[1]第8,10表元データ'!BN23)/1000,0)</f>
        <v>0</v>
      </c>
      <c r="T13" s="42">
        <f>'[1]第8,10表元データ'!BO23</f>
        <v>0</v>
      </c>
      <c r="U13" s="42">
        <f>ROUND(('[1]第8,10表元データ'!BP23)/1000,0)</f>
        <v>0</v>
      </c>
      <c r="V13" s="41"/>
      <c r="W13" s="19" t="s">
        <v>60</v>
      </c>
      <c r="X13" s="51">
        <v>0</v>
      </c>
      <c r="Y13" s="51">
        <f>ROUND(('[1]第8,10表元データ'!BQ23)/1000,0)</f>
        <v>0</v>
      </c>
      <c r="Z13" s="51">
        <f>ROUND(('[1]第8,10表元データ'!BR23)/1000,0)</f>
        <v>0</v>
      </c>
      <c r="AA13" s="51">
        <f>ROUND(('[1]第8,10表元データ'!BS23)/1000,0)</f>
        <v>0</v>
      </c>
      <c r="AB13" s="51">
        <f>'[1]第8,10表元データ'!BT23</f>
        <v>0</v>
      </c>
      <c r="AC13" s="51">
        <f>ROUND(('[1]第8,10表元データ'!BU23)/1000,0)</f>
        <v>0</v>
      </c>
      <c r="AD13" s="43"/>
    </row>
    <row r="14" spans="1:30" ht="15" customHeight="1">
      <c r="A14" s="41"/>
      <c r="B14" s="19" t="s">
        <v>61</v>
      </c>
      <c r="C14" s="44" t="s">
        <v>62</v>
      </c>
      <c r="D14" s="44" t="s">
        <v>62</v>
      </c>
      <c r="E14" s="44" t="s">
        <v>62</v>
      </c>
      <c r="F14" s="44" t="s">
        <v>62</v>
      </c>
      <c r="G14" s="44" t="s">
        <v>62</v>
      </c>
      <c r="H14" s="44" t="s">
        <v>62</v>
      </c>
      <c r="I14" s="44" t="s">
        <v>62</v>
      </c>
      <c r="J14" s="44" t="s">
        <v>62</v>
      </c>
      <c r="K14" s="44" t="s">
        <v>62</v>
      </c>
      <c r="L14" s="44" t="s">
        <v>62</v>
      </c>
      <c r="M14" s="44" t="s">
        <v>62</v>
      </c>
      <c r="N14" s="44" t="s">
        <v>62</v>
      </c>
      <c r="O14" s="44" t="s">
        <v>62</v>
      </c>
      <c r="P14" s="44" t="s">
        <v>62</v>
      </c>
      <c r="Q14" s="44" t="s">
        <v>62</v>
      </c>
      <c r="R14" s="44" t="s">
        <v>62</v>
      </c>
      <c r="S14" s="44" t="s">
        <v>62</v>
      </c>
      <c r="T14" s="44" t="s">
        <v>62</v>
      </c>
      <c r="U14" s="44" t="s">
        <v>62</v>
      </c>
      <c r="V14" s="41"/>
      <c r="W14" s="19" t="s">
        <v>61</v>
      </c>
      <c r="X14" s="52" t="s">
        <v>62</v>
      </c>
      <c r="Y14" s="52" t="s">
        <v>62</v>
      </c>
      <c r="Z14" s="52" t="s">
        <v>62</v>
      </c>
      <c r="AA14" s="52" t="s">
        <v>62</v>
      </c>
      <c r="AB14" s="52" t="s">
        <v>62</v>
      </c>
      <c r="AC14" s="52" t="s">
        <v>62</v>
      </c>
      <c r="AD14" s="43"/>
    </row>
    <row r="15" spans="1:30" ht="15" customHeight="1">
      <c r="A15" s="37">
        <v>1</v>
      </c>
      <c r="B15" s="45" t="s">
        <v>63</v>
      </c>
      <c r="C15" s="46">
        <f>'[1]第8,10表元データ'!AX3</f>
        <v>0</v>
      </c>
      <c r="D15" s="46">
        <f>'[1]第8,10表元データ'!AY3</f>
        <v>0</v>
      </c>
      <c r="E15" s="46">
        <f>ROUND(('[1]第8,10表元データ'!AZ3)/1000,0)</f>
        <v>0</v>
      </c>
      <c r="F15" s="46">
        <f>'[1]第8,10表元データ'!BA3</f>
        <v>0</v>
      </c>
      <c r="G15" s="46">
        <f>ROUND(('[1]第8,10表元データ'!BB3)/1000,0)</f>
        <v>0</v>
      </c>
      <c r="H15" s="46">
        <f>'[1]第8,10表元データ'!BC3</f>
        <v>0</v>
      </c>
      <c r="I15" s="46">
        <f>ROUND(('[1]第8,10表元データ'!BD3)/1000,0)</f>
        <v>0</v>
      </c>
      <c r="J15" s="46">
        <f>'[1]第8,10表元データ'!BE3</f>
        <v>0</v>
      </c>
      <c r="K15" s="46">
        <f>ROUND(('[1]第8,10表元データ'!BF3)/1000,0)</f>
        <v>0</v>
      </c>
      <c r="L15" s="46">
        <f>'[1]第8,10表元データ'!BG3</f>
        <v>0</v>
      </c>
      <c r="M15" s="46">
        <f>ROUND(('[1]第8,10表元データ'!BH3)/1000,0)</f>
        <v>0</v>
      </c>
      <c r="N15" s="46">
        <f>'[1]第8,10表元データ'!BI3</f>
        <v>0</v>
      </c>
      <c r="O15" s="46">
        <f>ROUND(('[1]第8,10表元データ'!BJ3)/1000,0)</f>
        <v>0</v>
      </c>
      <c r="P15" s="46">
        <f>'[1]第8,10表元データ'!BK3</f>
        <v>0</v>
      </c>
      <c r="Q15" s="46">
        <f>ROUND(('[1]第8,10表元データ'!BL3)/1000,0)</f>
        <v>0</v>
      </c>
      <c r="R15" s="46">
        <f>'[1]第8,10表元データ'!BM3</f>
        <v>0</v>
      </c>
      <c r="S15" s="46">
        <f>ROUND(('[1]第8,10表元データ'!BN3)/1000,0)</f>
        <v>0</v>
      </c>
      <c r="T15" s="46">
        <f>'[1]第8,10表元データ'!BO3</f>
        <v>0</v>
      </c>
      <c r="U15" s="46">
        <f>ROUND(('[1]第8,10表元データ'!BP3)/1000,0)</f>
        <v>0</v>
      </c>
      <c r="V15" s="37">
        <v>1</v>
      </c>
      <c r="W15" s="45" t="s">
        <v>63</v>
      </c>
      <c r="X15" s="53" t="str">
        <f>IFERROR(ROUND('[1]第8,10表元データ'!BP3/'[1]第8,10表元データ'!C3,0),"－")</f>
        <v>－</v>
      </c>
      <c r="Y15" s="53">
        <f>ROUND(('[1]第8,10表元データ'!BQ3)/1000,0)</f>
        <v>0</v>
      </c>
      <c r="Z15" s="53">
        <f>ROUND(('[1]第8,10表元データ'!BR3)/1000,0)</f>
        <v>0</v>
      </c>
      <c r="AA15" s="53">
        <f>ROUND(('[1]第8,10表元データ'!BS3)/1000,0)</f>
        <v>0</v>
      </c>
      <c r="AB15" s="53">
        <f>'[1]第8,10表元データ'!BT3</f>
        <v>0</v>
      </c>
      <c r="AC15" s="53">
        <f>ROUND(('[1]第8,10表元データ'!BU3)/1000,0)</f>
        <v>0</v>
      </c>
      <c r="AD15" s="40">
        <v>1</v>
      </c>
    </row>
    <row r="16" spans="1:30" ht="15" customHeight="1">
      <c r="A16" s="41">
        <v>2</v>
      </c>
      <c r="B16" s="47" t="s">
        <v>64</v>
      </c>
      <c r="C16" s="48">
        <f>'[1]第8,10表元データ'!AX4</f>
        <v>0</v>
      </c>
      <c r="D16" s="48">
        <f>'[1]第8,10表元データ'!AY4</f>
        <v>0</v>
      </c>
      <c r="E16" s="48">
        <f>ROUND(('[1]第8,10表元データ'!AZ4)/1000,0)</f>
        <v>0</v>
      </c>
      <c r="F16" s="48">
        <f>'[1]第8,10表元データ'!BA4</f>
        <v>0</v>
      </c>
      <c r="G16" s="48">
        <f>ROUND(('[1]第8,10表元データ'!BB4)/1000,0)</f>
        <v>0</v>
      </c>
      <c r="H16" s="48">
        <f>'[1]第8,10表元データ'!BC4</f>
        <v>0</v>
      </c>
      <c r="I16" s="48">
        <f>ROUND(('[1]第8,10表元データ'!BD4)/1000,0)</f>
        <v>0</v>
      </c>
      <c r="J16" s="48">
        <f>'[1]第8,10表元データ'!BE4</f>
        <v>0</v>
      </c>
      <c r="K16" s="48">
        <f>ROUND(('[1]第8,10表元データ'!BF4)/1000,0)</f>
        <v>0</v>
      </c>
      <c r="L16" s="48">
        <f>'[1]第8,10表元データ'!BG4</f>
        <v>0</v>
      </c>
      <c r="M16" s="48">
        <f>ROUND(('[1]第8,10表元データ'!BH4)/1000,0)</f>
        <v>0</v>
      </c>
      <c r="N16" s="48">
        <f>'[1]第8,10表元データ'!BI4</f>
        <v>0</v>
      </c>
      <c r="O16" s="48">
        <f>ROUND(('[1]第8,10表元データ'!BJ4)/1000,0)</f>
        <v>0</v>
      </c>
      <c r="P16" s="48">
        <f>'[1]第8,10表元データ'!BK4</f>
        <v>0</v>
      </c>
      <c r="Q16" s="48">
        <f>ROUND(('[1]第8,10表元データ'!BL4)/1000,0)</f>
        <v>0</v>
      </c>
      <c r="R16" s="48">
        <f>'[1]第8,10表元データ'!BM4</f>
        <v>0</v>
      </c>
      <c r="S16" s="48">
        <f>ROUND(('[1]第8,10表元データ'!BN4)/1000,0)</f>
        <v>0</v>
      </c>
      <c r="T16" s="48">
        <f>'[1]第8,10表元データ'!BO4</f>
        <v>0</v>
      </c>
      <c r="U16" s="48">
        <f>ROUND(('[1]第8,10表元データ'!BP4)/1000,0)</f>
        <v>0</v>
      </c>
      <c r="V16" s="41">
        <v>2</v>
      </c>
      <c r="W16" s="47" t="s">
        <v>64</v>
      </c>
      <c r="X16" s="53" t="str">
        <f>IFERROR(ROUND('[1]第8,10表元データ'!BP4/'[1]第8,10表元データ'!C4,0),"－")</f>
        <v>－</v>
      </c>
      <c r="Y16" s="54">
        <f>ROUND(('[1]第8,10表元データ'!BQ4)/1000,0)</f>
        <v>0</v>
      </c>
      <c r="Z16" s="54">
        <f>ROUND(('[1]第8,10表元データ'!BR4)/1000,0)</f>
        <v>0</v>
      </c>
      <c r="AA16" s="54">
        <f>ROUND(('[1]第8,10表元データ'!BS4)/1000,0)</f>
        <v>0</v>
      </c>
      <c r="AB16" s="54">
        <f>'[1]第8,10表元データ'!BT4</f>
        <v>0</v>
      </c>
      <c r="AC16" s="54">
        <f>ROUND(('[1]第8,10表元データ'!BU4)/1000,0)</f>
        <v>0</v>
      </c>
      <c r="AD16" s="43">
        <v>2</v>
      </c>
    </row>
    <row r="17" spans="1:30" ht="15" customHeight="1">
      <c r="A17" s="41">
        <v>3</v>
      </c>
      <c r="B17" s="47" t="s">
        <v>65</v>
      </c>
      <c r="C17" s="48">
        <f>'[1]第8,10表元データ'!AX5</f>
        <v>0</v>
      </c>
      <c r="D17" s="48">
        <f>'[1]第8,10表元データ'!AY5</f>
        <v>0</v>
      </c>
      <c r="E17" s="48">
        <f>ROUND(('[1]第8,10表元データ'!AZ5)/1000,0)</f>
        <v>0</v>
      </c>
      <c r="F17" s="48">
        <f>'[1]第8,10表元データ'!BA5</f>
        <v>0</v>
      </c>
      <c r="G17" s="48">
        <f>ROUND(('[1]第8,10表元データ'!BB5)/1000,0)</f>
        <v>0</v>
      </c>
      <c r="H17" s="48">
        <f>'[1]第8,10表元データ'!BC5</f>
        <v>0</v>
      </c>
      <c r="I17" s="48">
        <f>ROUND(('[1]第8,10表元データ'!BD5)/1000,0)</f>
        <v>0</v>
      </c>
      <c r="J17" s="48">
        <f>'[1]第8,10表元データ'!BE5</f>
        <v>0</v>
      </c>
      <c r="K17" s="48">
        <f>ROUND(('[1]第8,10表元データ'!BF5)/1000,0)</f>
        <v>0</v>
      </c>
      <c r="L17" s="48">
        <f>'[1]第8,10表元データ'!BG5</f>
        <v>0</v>
      </c>
      <c r="M17" s="48">
        <f>ROUND(('[1]第8,10表元データ'!BH5)/1000,0)</f>
        <v>0</v>
      </c>
      <c r="N17" s="48">
        <f>'[1]第8,10表元データ'!BI5</f>
        <v>0</v>
      </c>
      <c r="O17" s="48">
        <f>ROUND(('[1]第8,10表元データ'!BJ5)/1000,0)</f>
        <v>0</v>
      </c>
      <c r="P17" s="48">
        <f>'[1]第8,10表元データ'!BK5</f>
        <v>0</v>
      </c>
      <c r="Q17" s="48">
        <f>ROUND(('[1]第8,10表元データ'!BL5)/1000,0)</f>
        <v>0</v>
      </c>
      <c r="R17" s="48">
        <f>'[1]第8,10表元データ'!BM5</f>
        <v>0</v>
      </c>
      <c r="S17" s="48">
        <f>ROUND(('[1]第8,10表元データ'!BN5)/1000,0)</f>
        <v>0</v>
      </c>
      <c r="T17" s="48">
        <f>'[1]第8,10表元データ'!BO5</f>
        <v>0</v>
      </c>
      <c r="U17" s="48">
        <f>ROUND(('[1]第8,10表元データ'!BP5)/1000,0)</f>
        <v>0</v>
      </c>
      <c r="V17" s="41">
        <v>3</v>
      </c>
      <c r="W17" s="47" t="s">
        <v>65</v>
      </c>
      <c r="X17" s="53" t="str">
        <f>IFERROR(ROUND('[1]第8,10表元データ'!BP5/'[1]第8,10表元データ'!C5,0),"－")</f>
        <v>－</v>
      </c>
      <c r="Y17" s="54">
        <f>ROUND(('[1]第8,10表元データ'!BQ5)/1000,0)</f>
        <v>0</v>
      </c>
      <c r="Z17" s="54">
        <f>ROUND(('[1]第8,10表元データ'!BR5)/1000,0)</f>
        <v>0</v>
      </c>
      <c r="AA17" s="54">
        <f>ROUND(('[1]第8,10表元データ'!BS5)/1000,0)</f>
        <v>0</v>
      </c>
      <c r="AB17" s="54">
        <f>'[1]第8,10表元データ'!BT5</f>
        <v>0</v>
      </c>
      <c r="AC17" s="54">
        <f>ROUND(('[1]第8,10表元データ'!BU5)/1000,0)</f>
        <v>0</v>
      </c>
      <c r="AD17" s="43">
        <v>3</v>
      </c>
    </row>
    <row r="18" spans="1:30" ht="15" customHeight="1">
      <c r="A18" s="41">
        <v>4</v>
      </c>
      <c r="B18" s="47" t="s">
        <v>66</v>
      </c>
      <c r="C18" s="48">
        <f>'[1]第8,10表元データ'!AX6</f>
        <v>0</v>
      </c>
      <c r="D18" s="48">
        <f>'[1]第8,10表元データ'!AY6</f>
        <v>0</v>
      </c>
      <c r="E18" s="48">
        <f>ROUND(('[1]第8,10表元データ'!AZ6)/1000,0)</f>
        <v>0</v>
      </c>
      <c r="F18" s="48">
        <f>'[1]第8,10表元データ'!BA6</f>
        <v>0</v>
      </c>
      <c r="G18" s="48">
        <f>ROUND(('[1]第8,10表元データ'!BB6)/1000,0)</f>
        <v>0</v>
      </c>
      <c r="H18" s="48">
        <f>'[1]第8,10表元データ'!BC6</f>
        <v>0</v>
      </c>
      <c r="I18" s="48">
        <f>ROUND(('[1]第8,10表元データ'!BD6)/1000,0)</f>
        <v>0</v>
      </c>
      <c r="J18" s="48">
        <f>'[1]第8,10表元データ'!BE6</f>
        <v>0</v>
      </c>
      <c r="K18" s="48">
        <f>ROUND(('[1]第8,10表元データ'!BF6)/1000,0)</f>
        <v>0</v>
      </c>
      <c r="L18" s="48">
        <f>'[1]第8,10表元データ'!BG6</f>
        <v>0</v>
      </c>
      <c r="M18" s="48">
        <f>ROUND(('[1]第8,10表元データ'!BH6)/1000,0)</f>
        <v>0</v>
      </c>
      <c r="N18" s="48">
        <f>'[1]第8,10表元データ'!BI6</f>
        <v>0</v>
      </c>
      <c r="O18" s="48">
        <f>ROUND(('[1]第8,10表元データ'!BJ6)/1000,0)</f>
        <v>0</v>
      </c>
      <c r="P18" s="48">
        <f>'[1]第8,10表元データ'!BK6</f>
        <v>0</v>
      </c>
      <c r="Q18" s="48">
        <f>ROUND(('[1]第8,10表元データ'!BL6)/1000,0)</f>
        <v>0</v>
      </c>
      <c r="R18" s="48">
        <f>'[1]第8,10表元データ'!BM6</f>
        <v>0</v>
      </c>
      <c r="S18" s="48">
        <f>ROUND(('[1]第8,10表元データ'!BN6)/1000,0)</f>
        <v>0</v>
      </c>
      <c r="T18" s="48">
        <f>'[1]第8,10表元データ'!BO6</f>
        <v>0</v>
      </c>
      <c r="U18" s="48">
        <f>ROUND(('[1]第8,10表元データ'!BP6)/1000,0)</f>
        <v>0</v>
      </c>
      <c r="V18" s="41">
        <v>4</v>
      </c>
      <c r="W18" s="47" t="s">
        <v>66</v>
      </c>
      <c r="X18" s="53" t="str">
        <f>IFERROR(ROUND('[1]第8,10表元データ'!BP6/'[1]第8,10表元データ'!C6,0),"－")</f>
        <v>－</v>
      </c>
      <c r="Y18" s="54">
        <f>ROUND(('[1]第8,10表元データ'!BQ6)/1000,0)</f>
        <v>0</v>
      </c>
      <c r="Z18" s="54">
        <f>ROUND(('[1]第8,10表元データ'!BR6)/1000,0)</f>
        <v>0</v>
      </c>
      <c r="AA18" s="54">
        <f>ROUND(('[1]第8,10表元データ'!BS6)/1000,0)</f>
        <v>0</v>
      </c>
      <c r="AB18" s="54">
        <f>'[1]第8,10表元データ'!BT6</f>
        <v>0</v>
      </c>
      <c r="AC18" s="54">
        <f>ROUND(('[1]第8,10表元データ'!BU6)/1000,0)</f>
        <v>0</v>
      </c>
      <c r="AD18" s="43">
        <v>4</v>
      </c>
    </row>
    <row r="19" spans="1:30" ht="15" customHeight="1">
      <c r="A19" s="41">
        <v>5</v>
      </c>
      <c r="B19" s="47" t="s">
        <v>67</v>
      </c>
      <c r="C19" s="48">
        <f>'[1]第8,10表元データ'!AX7</f>
        <v>0</v>
      </c>
      <c r="D19" s="48">
        <f>'[1]第8,10表元データ'!AY7</f>
        <v>0</v>
      </c>
      <c r="E19" s="48">
        <f>ROUND(('[1]第8,10表元データ'!AZ7)/1000,0)</f>
        <v>0</v>
      </c>
      <c r="F19" s="48">
        <f>'[1]第8,10表元データ'!BA7</f>
        <v>0</v>
      </c>
      <c r="G19" s="48">
        <f>ROUND(('[1]第8,10表元データ'!BB7)/1000,0)</f>
        <v>0</v>
      </c>
      <c r="H19" s="48">
        <f>'[1]第8,10表元データ'!BC7</f>
        <v>0</v>
      </c>
      <c r="I19" s="48">
        <f>ROUND(('[1]第8,10表元データ'!BD7)/1000,0)</f>
        <v>0</v>
      </c>
      <c r="J19" s="48">
        <f>'[1]第8,10表元データ'!BE7</f>
        <v>0</v>
      </c>
      <c r="K19" s="48">
        <f>ROUND(('[1]第8,10表元データ'!BF7)/1000,0)</f>
        <v>0</v>
      </c>
      <c r="L19" s="48">
        <f>'[1]第8,10表元データ'!BG7</f>
        <v>0</v>
      </c>
      <c r="M19" s="48">
        <f>ROUND(('[1]第8,10表元データ'!BH7)/1000,0)</f>
        <v>0</v>
      </c>
      <c r="N19" s="48">
        <f>'[1]第8,10表元データ'!BI7</f>
        <v>0</v>
      </c>
      <c r="O19" s="48">
        <f>ROUND(('[1]第8,10表元データ'!BJ7)/1000,0)</f>
        <v>0</v>
      </c>
      <c r="P19" s="48">
        <f>'[1]第8,10表元データ'!BK7</f>
        <v>0</v>
      </c>
      <c r="Q19" s="48">
        <f>ROUND(('[1]第8,10表元データ'!BL7)/1000,0)</f>
        <v>0</v>
      </c>
      <c r="R19" s="48">
        <f>'[1]第8,10表元データ'!BM7</f>
        <v>0</v>
      </c>
      <c r="S19" s="48">
        <f>ROUND(('[1]第8,10表元データ'!BN7)/1000,0)</f>
        <v>0</v>
      </c>
      <c r="T19" s="48">
        <f>'[1]第8,10表元データ'!BO7</f>
        <v>0</v>
      </c>
      <c r="U19" s="48">
        <f>ROUND(('[1]第8,10表元データ'!BP7)/1000,0)</f>
        <v>0</v>
      </c>
      <c r="V19" s="41">
        <v>5</v>
      </c>
      <c r="W19" s="47" t="s">
        <v>67</v>
      </c>
      <c r="X19" s="53" t="str">
        <f>IFERROR(ROUND('[1]第8,10表元データ'!BP7/'[1]第8,10表元データ'!C7,0),"－")</f>
        <v>－</v>
      </c>
      <c r="Y19" s="54">
        <f>ROUND(('[1]第8,10表元データ'!BQ7)/1000,0)</f>
        <v>0</v>
      </c>
      <c r="Z19" s="54">
        <f>ROUND(('[1]第8,10表元データ'!BR7)/1000,0)</f>
        <v>0</v>
      </c>
      <c r="AA19" s="54">
        <f>ROUND(('[1]第8,10表元データ'!BS7)/1000,0)</f>
        <v>0</v>
      </c>
      <c r="AB19" s="54">
        <f>'[1]第8,10表元データ'!BT7</f>
        <v>0</v>
      </c>
      <c r="AC19" s="54">
        <f>ROUND(('[1]第8,10表元データ'!BU7)/1000,0)</f>
        <v>0</v>
      </c>
      <c r="AD19" s="43">
        <v>5</v>
      </c>
    </row>
    <row r="20" spans="1:30" ht="15" customHeight="1">
      <c r="A20" s="41">
        <v>6</v>
      </c>
      <c r="B20" s="47" t="s">
        <v>68</v>
      </c>
      <c r="C20" s="48">
        <f>'[1]第8,10表元データ'!AX8</f>
        <v>0</v>
      </c>
      <c r="D20" s="48">
        <f>'[1]第8,10表元データ'!AY8</f>
        <v>0</v>
      </c>
      <c r="E20" s="48">
        <f>ROUND(('[1]第8,10表元データ'!AZ8)/1000,0)</f>
        <v>0</v>
      </c>
      <c r="F20" s="48">
        <f>'[1]第8,10表元データ'!BA8</f>
        <v>0</v>
      </c>
      <c r="G20" s="48">
        <f>ROUND(('[1]第8,10表元データ'!BB8)/1000,0)</f>
        <v>0</v>
      </c>
      <c r="H20" s="48">
        <f>'[1]第8,10表元データ'!BC8</f>
        <v>0</v>
      </c>
      <c r="I20" s="48">
        <f>ROUND(('[1]第8,10表元データ'!BD8)/1000,0)</f>
        <v>0</v>
      </c>
      <c r="J20" s="48">
        <f>'[1]第8,10表元データ'!BE8</f>
        <v>0</v>
      </c>
      <c r="K20" s="48">
        <f>ROUND(('[1]第8,10表元データ'!BF8)/1000,0)</f>
        <v>0</v>
      </c>
      <c r="L20" s="48">
        <f>'[1]第8,10表元データ'!BG8</f>
        <v>0</v>
      </c>
      <c r="M20" s="48">
        <f>ROUND(('[1]第8,10表元データ'!BH8)/1000,0)</f>
        <v>0</v>
      </c>
      <c r="N20" s="48">
        <f>'[1]第8,10表元データ'!BI8</f>
        <v>0</v>
      </c>
      <c r="O20" s="48">
        <f>ROUND(('[1]第8,10表元データ'!BJ8)/1000,0)</f>
        <v>0</v>
      </c>
      <c r="P20" s="48">
        <f>'[1]第8,10表元データ'!BK8</f>
        <v>0</v>
      </c>
      <c r="Q20" s="48">
        <f>ROUND(('[1]第8,10表元データ'!BL8)/1000,0)</f>
        <v>0</v>
      </c>
      <c r="R20" s="48">
        <f>'[1]第8,10表元データ'!BM8</f>
        <v>0</v>
      </c>
      <c r="S20" s="48">
        <f>ROUND(('[1]第8,10表元データ'!BN8)/1000,0)</f>
        <v>0</v>
      </c>
      <c r="T20" s="48">
        <f>'[1]第8,10表元データ'!BO8</f>
        <v>0</v>
      </c>
      <c r="U20" s="48">
        <f>ROUND(('[1]第8,10表元データ'!BP8)/1000,0)</f>
        <v>0</v>
      </c>
      <c r="V20" s="41">
        <v>6</v>
      </c>
      <c r="W20" s="47" t="s">
        <v>68</v>
      </c>
      <c r="X20" s="53" t="str">
        <f>IFERROR(ROUND('[1]第8,10表元データ'!BP8/'[1]第8,10表元データ'!C8,0),"－")</f>
        <v>－</v>
      </c>
      <c r="Y20" s="54">
        <f>ROUND(('[1]第8,10表元データ'!BQ8)/1000,0)</f>
        <v>0</v>
      </c>
      <c r="Z20" s="54">
        <f>ROUND(('[1]第8,10表元データ'!BR8)/1000,0)</f>
        <v>0</v>
      </c>
      <c r="AA20" s="54">
        <f>ROUND(('[1]第8,10表元データ'!BS8)/1000,0)</f>
        <v>0</v>
      </c>
      <c r="AB20" s="54">
        <f>'[1]第8,10表元データ'!BT8</f>
        <v>0</v>
      </c>
      <c r="AC20" s="54">
        <f>ROUND(('[1]第8,10表元データ'!BU8)/1000,0)</f>
        <v>0</v>
      </c>
      <c r="AD20" s="43">
        <v>6</v>
      </c>
    </row>
    <row r="21" spans="1:30" ht="15" customHeight="1">
      <c r="A21" s="41">
        <v>7</v>
      </c>
      <c r="B21" s="47" t="s">
        <v>69</v>
      </c>
      <c r="C21" s="48">
        <f>'[1]第8,10表元データ'!AX9</f>
        <v>0</v>
      </c>
      <c r="D21" s="48">
        <f>'[1]第8,10表元データ'!AY9</f>
        <v>0</v>
      </c>
      <c r="E21" s="48">
        <f>ROUND(('[1]第8,10表元データ'!AZ9)/1000,0)</f>
        <v>0</v>
      </c>
      <c r="F21" s="48">
        <f>'[1]第8,10表元データ'!BA9</f>
        <v>0</v>
      </c>
      <c r="G21" s="48">
        <f>ROUND(('[1]第8,10表元データ'!BB9)/1000,0)</f>
        <v>0</v>
      </c>
      <c r="H21" s="48">
        <f>'[1]第8,10表元データ'!BC9</f>
        <v>0</v>
      </c>
      <c r="I21" s="48">
        <f>ROUND(('[1]第8,10表元データ'!BD9)/1000,0)</f>
        <v>0</v>
      </c>
      <c r="J21" s="48">
        <f>'[1]第8,10表元データ'!BE9</f>
        <v>0</v>
      </c>
      <c r="K21" s="48">
        <f>ROUND(('[1]第8,10表元データ'!BF9)/1000,0)</f>
        <v>0</v>
      </c>
      <c r="L21" s="48">
        <f>'[1]第8,10表元データ'!BG9</f>
        <v>0</v>
      </c>
      <c r="M21" s="48">
        <f>ROUND(('[1]第8,10表元データ'!BH9)/1000,0)</f>
        <v>0</v>
      </c>
      <c r="N21" s="48">
        <f>'[1]第8,10表元データ'!BI9</f>
        <v>0</v>
      </c>
      <c r="O21" s="48">
        <f>ROUND(('[1]第8,10表元データ'!BJ9)/1000,0)</f>
        <v>0</v>
      </c>
      <c r="P21" s="48">
        <f>'[1]第8,10表元データ'!BK9</f>
        <v>0</v>
      </c>
      <c r="Q21" s="48">
        <f>ROUND(('[1]第8,10表元データ'!BL9)/1000,0)</f>
        <v>0</v>
      </c>
      <c r="R21" s="48">
        <f>'[1]第8,10表元データ'!BM9</f>
        <v>0</v>
      </c>
      <c r="S21" s="48">
        <f>ROUND(('[1]第8,10表元データ'!BN9)/1000,0)</f>
        <v>0</v>
      </c>
      <c r="T21" s="48">
        <f>'[1]第8,10表元データ'!BO9</f>
        <v>0</v>
      </c>
      <c r="U21" s="48">
        <f>ROUND(('[1]第8,10表元データ'!BP9)/1000,0)</f>
        <v>0</v>
      </c>
      <c r="V21" s="41">
        <v>7</v>
      </c>
      <c r="W21" s="47" t="s">
        <v>69</v>
      </c>
      <c r="X21" s="53" t="str">
        <f>IFERROR(ROUND('[1]第8,10表元データ'!BP9/'[1]第8,10表元データ'!C9,0),"－")</f>
        <v>－</v>
      </c>
      <c r="Y21" s="54">
        <f>ROUND(('[1]第8,10表元データ'!BQ9)/1000,0)</f>
        <v>0</v>
      </c>
      <c r="Z21" s="54">
        <f>ROUND(('[1]第8,10表元データ'!BR9)/1000,0)</f>
        <v>0</v>
      </c>
      <c r="AA21" s="54">
        <f>ROUND(('[1]第8,10表元データ'!BS9)/1000,0)</f>
        <v>0</v>
      </c>
      <c r="AB21" s="54">
        <f>'[1]第8,10表元データ'!BT9</f>
        <v>0</v>
      </c>
      <c r="AC21" s="54">
        <f>ROUND(('[1]第8,10表元データ'!BU9)/1000,0)</f>
        <v>0</v>
      </c>
      <c r="AD21" s="43">
        <v>7</v>
      </c>
    </row>
    <row r="22" spans="1:30" ht="15" customHeight="1">
      <c r="A22" s="41">
        <v>36</v>
      </c>
      <c r="B22" s="47" t="s">
        <v>70</v>
      </c>
      <c r="C22" s="48">
        <f>'[1]第8,10表元データ'!AX10</f>
        <v>0</v>
      </c>
      <c r="D22" s="48">
        <f>'[1]第8,10表元データ'!AY10</f>
        <v>0</v>
      </c>
      <c r="E22" s="48">
        <f>ROUND(('[1]第8,10表元データ'!AZ10)/1000,0)</f>
        <v>0</v>
      </c>
      <c r="F22" s="48">
        <f>'[1]第8,10表元データ'!BA10</f>
        <v>0</v>
      </c>
      <c r="G22" s="48">
        <f>ROUND(('[1]第8,10表元データ'!BB10)/1000,0)</f>
        <v>0</v>
      </c>
      <c r="H22" s="48">
        <f>'[1]第8,10表元データ'!BC10</f>
        <v>0</v>
      </c>
      <c r="I22" s="48">
        <f>ROUND(('[1]第8,10表元データ'!BD10)/1000,0)</f>
        <v>0</v>
      </c>
      <c r="J22" s="48">
        <f>'[1]第8,10表元データ'!BE10</f>
        <v>0</v>
      </c>
      <c r="K22" s="48">
        <f>ROUND(('[1]第8,10表元データ'!BF10)/1000,0)</f>
        <v>0</v>
      </c>
      <c r="L22" s="48">
        <f>'[1]第8,10表元データ'!BG10</f>
        <v>0</v>
      </c>
      <c r="M22" s="48">
        <f>ROUND(('[1]第8,10表元データ'!BH10)/1000,0)</f>
        <v>0</v>
      </c>
      <c r="N22" s="48">
        <f>'[1]第8,10表元データ'!BI10</f>
        <v>0</v>
      </c>
      <c r="O22" s="48">
        <f>ROUND(('[1]第8,10表元データ'!BJ10)/1000,0)</f>
        <v>0</v>
      </c>
      <c r="P22" s="48">
        <f>'[1]第8,10表元データ'!BK10</f>
        <v>0</v>
      </c>
      <c r="Q22" s="48">
        <f>ROUND(('[1]第8,10表元データ'!BL10)/1000,0)</f>
        <v>0</v>
      </c>
      <c r="R22" s="48">
        <f>'[1]第8,10表元データ'!BM10</f>
        <v>0</v>
      </c>
      <c r="S22" s="48">
        <f>ROUND(('[1]第8,10表元データ'!BN10)/1000,0)</f>
        <v>0</v>
      </c>
      <c r="T22" s="48">
        <f>'[1]第8,10表元データ'!BO10</f>
        <v>0</v>
      </c>
      <c r="U22" s="48">
        <f>ROUND(('[1]第8,10表元データ'!BP10)/1000,0)</f>
        <v>0</v>
      </c>
      <c r="V22" s="41">
        <v>36</v>
      </c>
      <c r="W22" s="47" t="s">
        <v>70</v>
      </c>
      <c r="X22" s="53" t="str">
        <f>IFERROR(ROUND('[1]第8,10表元データ'!BP10/'[1]第8,10表元データ'!C10,0),"－")</f>
        <v>－</v>
      </c>
      <c r="Y22" s="54">
        <f>ROUND(('[1]第8,10表元データ'!BQ10)/1000,0)</f>
        <v>0</v>
      </c>
      <c r="Z22" s="54">
        <f>ROUND(('[1]第8,10表元データ'!BR10)/1000,0)</f>
        <v>0</v>
      </c>
      <c r="AA22" s="54">
        <f>ROUND(('[1]第8,10表元データ'!BS10)/1000,0)</f>
        <v>0</v>
      </c>
      <c r="AB22" s="54">
        <f>'[1]第8,10表元データ'!BT10</f>
        <v>0</v>
      </c>
      <c r="AC22" s="54">
        <f>ROUND(('[1]第8,10表元データ'!BU10)/1000,0)</f>
        <v>0</v>
      </c>
      <c r="AD22" s="43">
        <v>36</v>
      </c>
    </row>
    <row r="23" spans="1:30" ht="15" customHeight="1">
      <c r="A23" s="41">
        <v>49</v>
      </c>
      <c r="B23" s="47" t="s">
        <v>71</v>
      </c>
      <c r="C23" s="48">
        <f>'[1]第8,10表元データ'!AX11</f>
        <v>0</v>
      </c>
      <c r="D23" s="48">
        <f>'[1]第8,10表元データ'!AY11</f>
        <v>0</v>
      </c>
      <c r="E23" s="48">
        <f>ROUND(('[1]第8,10表元データ'!AZ11)/1000,0)</f>
        <v>0</v>
      </c>
      <c r="F23" s="48">
        <f>'[1]第8,10表元データ'!BA11</f>
        <v>0</v>
      </c>
      <c r="G23" s="48">
        <f>ROUND(('[1]第8,10表元データ'!BB11)/1000,0)</f>
        <v>0</v>
      </c>
      <c r="H23" s="48">
        <f>'[1]第8,10表元データ'!BC11</f>
        <v>0</v>
      </c>
      <c r="I23" s="48">
        <f>ROUND(('[1]第8,10表元データ'!BD11)/1000,0)</f>
        <v>0</v>
      </c>
      <c r="J23" s="48">
        <f>'[1]第8,10表元データ'!BE11</f>
        <v>0</v>
      </c>
      <c r="K23" s="48">
        <f>ROUND(('[1]第8,10表元データ'!BF11)/1000,0)</f>
        <v>0</v>
      </c>
      <c r="L23" s="48">
        <f>'[1]第8,10表元データ'!BG11</f>
        <v>0</v>
      </c>
      <c r="M23" s="48">
        <f>ROUND(('[1]第8,10表元データ'!BH11)/1000,0)</f>
        <v>0</v>
      </c>
      <c r="N23" s="48">
        <f>'[1]第8,10表元データ'!BI11</f>
        <v>0</v>
      </c>
      <c r="O23" s="48">
        <f>ROUND(('[1]第8,10表元データ'!BJ11)/1000,0)</f>
        <v>0</v>
      </c>
      <c r="P23" s="48">
        <f>'[1]第8,10表元データ'!BK11</f>
        <v>0</v>
      </c>
      <c r="Q23" s="48">
        <f>ROUND(('[1]第8,10表元データ'!BL11)/1000,0)</f>
        <v>0</v>
      </c>
      <c r="R23" s="48">
        <f>'[1]第8,10表元データ'!BM11</f>
        <v>0</v>
      </c>
      <c r="S23" s="48">
        <f>ROUND(('[1]第8,10表元データ'!BN11)/1000,0)</f>
        <v>0</v>
      </c>
      <c r="T23" s="48">
        <f>'[1]第8,10表元データ'!BO11</f>
        <v>0</v>
      </c>
      <c r="U23" s="48">
        <f>ROUND(('[1]第8,10表元データ'!BP11)/1000,0)</f>
        <v>0</v>
      </c>
      <c r="V23" s="41">
        <v>49</v>
      </c>
      <c r="W23" s="47" t="s">
        <v>71</v>
      </c>
      <c r="X23" s="53" t="str">
        <f>IFERROR(ROUND('[1]第8,10表元データ'!BP11/'[1]第8,10表元データ'!C11,0),"－")</f>
        <v>－</v>
      </c>
      <c r="Y23" s="54">
        <f>ROUND(('[1]第8,10表元データ'!BQ11)/1000,0)</f>
        <v>0</v>
      </c>
      <c r="Z23" s="54">
        <f>ROUND(('[1]第8,10表元データ'!BR11)/1000,0)</f>
        <v>0</v>
      </c>
      <c r="AA23" s="54">
        <f>ROUND(('[1]第8,10表元データ'!BS11)/1000,0)</f>
        <v>0</v>
      </c>
      <c r="AB23" s="54">
        <f>'[1]第8,10表元データ'!BT11</f>
        <v>0</v>
      </c>
      <c r="AC23" s="54">
        <f>ROUND(('[1]第8,10表元データ'!BU11)/1000,0)</f>
        <v>0</v>
      </c>
      <c r="AD23" s="43">
        <v>49</v>
      </c>
    </row>
    <row r="24" spans="1:30" ht="15" customHeight="1">
      <c r="A24" s="41">
        <v>57</v>
      </c>
      <c r="B24" s="47" t="s">
        <v>72</v>
      </c>
      <c r="C24" s="48">
        <f>'[1]第8,10表元データ'!AX12</f>
        <v>0</v>
      </c>
      <c r="D24" s="48">
        <f>'[1]第8,10表元データ'!AY12</f>
        <v>0</v>
      </c>
      <c r="E24" s="48">
        <f>ROUND(('[1]第8,10表元データ'!AZ12)/1000,0)</f>
        <v>0</v>
      </c>
      <c r="F24" s="48">
        <f>'[1]第8,10表元データ'!BA12</f>
        <v>0</v>
      </c>
      <c r="G24" s="48">
        <f>ROUND(('[1]第8,10表元データ'!BB12)/1000,0)</f>
        <v>0</v>
      </c>
      <c r="H24" s="48">
        <f>'[1]第8,10表元データ'!BC12</f>
        <v>0</v>
      </c>
      <c r="I24" s="48">
        <f>ROUND(('[1]第8,10表元データ'!BD12)/1000,0)</f>
        <v>0</v>
      </c>
      <c r="J24" s="48">
        <f>'[1]第8,10表元データ'!BE12</f>
        <v>0</v>
      </c>
      <c r="K24" s="48">
        <f>ROUND(('[1]第8,10表元データ'!BF12)/1000,0)</f>
        <v>0</v>
      </c>
      <c r="L24" s="48">
        <f>'[1]第8,10表元データ'!BG12</f>
        <v>0</v>
      </c>
      <c r="M24" s="48">
        <f>ROUND(('[1]第8,10表元データ'!BH12)/1000,0)</f>
        <v>0</v>
      </c>
      <c r="N24" s="48">
        <f>'[1]第8,10表元データ'!BI12</f>
        <v>0</v>
      </c>
      <c r="O24" s="48">
        <f>ROUND(('[1]第8,10表元データ'!BJ12)/1000,0)</f>
        <v>0</v>
      </c>
      <c r="P24" s="48">
        <f>'[1]第8,10表元データ'!BK12</f>
        <v>0</v>
      </c>
      <c r="Q24" s="48">
        <f>ROUND(('[1]第8,10表元データ'!BL12)/1000,0)</f>
        <v>0</v>
      </c>
      <c r="R24" s="48">
        <f>'[1]第8,10表元データ'!BM12</f>
        <v>0</v>
      </c>
      <c r="S24" s="48">
        <f>ROUND(('[1]第8,10表元データ'!BN12)/1000,0)</f>
        <v>0</v>
      </c>
      <c r="T24" s="48">
        <f>'[1]第8,10表元データ'!BO12</f>
        <v>0</v>
      </c>
      <c r="U24" s="48">
        <f>ROUND(('[1]第8,10表元データ'!BP12)/1000,0)</f>
        <v>0</v>
      </c>
      <c r="V24" s="41">
        <v>57</v>
      </c>
      <c r="W24" s="47" t="s">
        <v>72</v>
      </c>
      <c r="X24" s="53" t="str">
        <f>IFERROR(ROUND('[1]第8,10表元データ'!BP12/'[1]第8,10表元データ'!C12,0),"－")</f>
        <v>－</v>
      </c>
      <c r="Y24" s="54">
        <f>ROUND(('[1]第8,10表元データ'!BQ12)/1000,0)</f>
        <v>0</v>
      </c>
      <c r="Z24" s="54">
        <f>ROUND(('[1]第8,10表元データ'!BR12)/1000,0)</f>
        <v>0</v>
      </c>
      <c r="AA24" s="54">
        <f>ROUND(('[1]第8,10表元データ'!BS12)/1000,0)</f>
        <v>0</v>
      </c>
      <c r="AB24" s="54">
        <f>'[1]第8,10表元データ'!BT12</f>
        <v>0</v>
      </c>
      <c r="AC24" s="54">
        <f>ROUND(('[1]第8,10表元データ'!BU12)/1000,0)</f>
        <v>0</v>
      </c>
      <c r="AD24" s="43">
        <v>57</v>
      </c>
    </row>
    <row r="25" spans="1:30" ht="15" customHeight="1">
      <c r="A25" s="41">
        <v>58</v>
      </c>
      <c r="B25" s="47" t="s">
        <v>73</v>
      </c>
      <c r="C25" s="48">
        <f>'[1]第8,10表元データ'!AX13</f>
        <v>0</v>
      </c>
      <c r="D25" s="48">
        <f>'[1]第8,10表元データ'!AY13</f>
        <v>0</v>
      </c>
      <c r="E25" s="48">
        <f>ROUND(('[1]第8,10表元データ'!AZ13)/1000,0)</f>
        <v>0</v>
      </c>
      <c r="F25" s="48">
        <f>'[1]第8,10表元データ'!BA13</f>
        <v>0</v>
      </c>
      <c r="G25" s="48">
        <f>ROUND(('[1]第8,10表元データ'!BB13)/1000,0)</f>
        <v>0</v>
      </c>
      <c r="H25" s="48">
        <f>'[1]第8,10表元データ'!BC13</f>
        <v>0</v>
      </c>
      <c r="I25" s="48">
        <f>ROUND(('[1]第8,10表元データ'!BD13)/1000,0)</f>
        <v>0</v>
      </c>
      <c r="J25" s="48">
        <f>'[1]第8,10表元データ'!BE13</f>
        <v>0</v>
      </c>
      <c r="K25" s="48">
        <f>ROUND(('[1]第8,10表元データ'!BF13)/1000,0)</f>
        <v>0</v>
      </c>
      <c r="L25" s="48">
        <f>'[1]第8,10表元データ'!BG13</f>
        <v>0</v>
      </c>
      <c r="M25" s="48">
        <f>ROUND(('[1]第8,10表元データ'!BH13)/1000,0)</f>
        <v>0</v>
      </c>
      <c r="N25" s="48">
        <f>'[1]第8,10表元データ'!BI13</f>
        <v>0</v>
      </c>
      <c r="O25" s="48">
        <f>ROUND(('[1]第8,10表元データ'!BJ13)/1000,0)</f>
        <v>0</v>
      </c>
      <c r="P25" s="48">
        <f>'[1]第8,10表元データ'!BK13</f>
        <v>0</v>
      </c>
      <c r="Q25" s="48">
        <f>ROUND(('[1]第8,10表元データ'!BL13)/1000,0)</f>
        <v>0</v>
      </c>
      <c r="R25" s="48">
        <f>'[1]第8,10表元データ'!BM13</f>
        <v>0</v>
      </c>
      <c r="S25" s="48">
        <f>ROUND(('[1]第8,10表元データ'!BN13)/1000,0)</f>
        <v>0</v>
      </c>
      <c r="T25" s="48">
        <f>'[1]第8,10表元データ'!BO13</f>
        <v>0</v>
      </c>
      <c r="U25" s="48">
        <f>ROUND(('[1]第8,10表元データ'!BP13)/1000,0)</f>
        <v>0</v>
      </c>
      <c r="V25" s="41">
        <v>58</v>
      </c>
      <c r="W25" s="47" t="s">
        <v>73</v>
      </c>
      <c r="X25" s="53" t="str">
        <f>IFERROR(ROUND('[1]第8,10表元データ'!BP13/'[1]第8,10表元データ'!C13,0),"－")</f>
        <v>－</v>
      </c>
      <c r="Y25" s="54">
        <f>ROUND(('[1]第8,10表元データ'!BQ13)/1000,0)</f>
        <v>0</v>
      </c>
      <c r="Z25" s="54">
        <f>ROUND(('[1]第8,10表元データ'!BR13)/1000,0)</f>
        <v>0</v>
      </c>
      <c r="AA25" s="54">
        <f>ROUND(('[1]第8,10表元データ'!BS13)/1000,0)</f>
        <v>0</v>
      </c>
      <c r="AB25" s="54">
        <f>'[1]第8,10表元データ'!BT13</f>
        <v>0</v>
      </c>
      <c r="AC25" s="54">
        <f>ROUND(('[1]第8,10表元データ'!BU13)/1000,0)</f>
        <v>0</v>
      </c>
      <c r="AD25" s="43">
        <v>58</v>
      </c>
    </row>
    <row r="26" spans="1:30" ht="15" customHeight="1">
      <c r="A26" s="41">
        <v>59</v>
      </c>
      <c r="B26" s="47" t="s">
        <v>74</v>
      </c>
      <c r="C26" s="48">
        <f>'[1]第8,10表元データ'!AX14</f>
        <v>0</v>
      </c>
      <c r="D26" s="48">
        <f>'[1]第8,10表元データ'!AY14</f>
        <v>0</v>
      </c>
      <c r="E26" s="48">
        <f>ROUND(('[1]第8,10表元データ'!AZ14)/1000,0)</f>
        <v>0</v>
      </c>
      <c r="F26" s="48">
        <f>'[1]第8,10表元データ'!BA14</f>
        <v>0</v>
      </c>
      <c r="G26" s="48">
        <f>ROUND(('[1]第8,10表元データ'!BB14)/1000,0)</f>
        <v>0</v>
      </c>
      <c r="H26" s="48">
        <f>'[1]第8,10表元データ'!BC14</f>
        <v>0</v>
      </c>
      <c r="I26" s="48">
        <f>ROUND(('[1]第8,10表元データ'!BD14)/1000,0)</f>
        <v>0</v>
      </c>
      <c r="J26" s="48">
        <f>'[1]第8,10表元データ'!BE14</f>
        <v>0</v>
      </c>
      <c r="K26" s="48">
        <f>ROUND(('[1]第8,10表元データ'!BF14)/1000,0)</f>
        <v>0</v>
      </c>
      <c r="L26" s="48">
        <f>'[1]第8,10表元データ'!BG14</f>
        <v>0</v>
      </c>
      <c r="M26" s="48">
        <f>ROUND(('[1]第8,10表元データ'!BH14)/1000,0)</f>
        <v>0</v>
      </c>
      <c r="N26" s="48">
        <f>'[1]第8,10表元データ'!BI14</f>
        <v>0</v>
      </c>
      <c r="O26" s="48">
        <f>ROUND(('[1]第8,10表元データ'!BJ14)/1000,0)</f>
        <v>0</v>
      </c>
      <c r="P26" s="48">
        <f>'[1]第8,10表元データ'!BK14</f>
        <v>0</v>
      </c>
      <c r="Q26" s="48">
        <f>ROUND(('[1]第8,10表元データ'!BL14)/1000,0)</f>
        <v>0</v>
      </c>
      <c r="R26" s="48">
        <f>'[1]第8,10表元データ'!BM14</f>
        <v>0</v>
      </c>
      <c r="S26" s="48">
        <f>ROUND(('[1]第8,10表元データ'!BN14)/1000,0)</f>
        <v>0</v>
      </c>
      <c r="T26" s="48">
        <f>'[1]第8,10表元データ'!BO14</f>
        <v>0</v>
      </c>
      <c r="U26" s="48">
        <f>ROUND(('[1]第8,10表元データ'!BP14)/1000,0)</f>
        <v>0</v>
      </c>
      <c r="V26" s="41">
        <v>59</v>
      </c>
      <c r="W26" s="47" t="s">
        <v>74</v>
      </c>
      <c r="X26" s="53" t="str">
        <f>IFERROR(ROUND('[1]第8,10表元データ'!BP14/'[1]第8,10表元データ'!C14,0),"－")</f>
        <v>－</v>
      </c>
      <c r="Y26" s="54">
        <f>ROUND(('[1]第8,10表元データ'!BQ14)/1000,0)</f>
        <v>0</v>
      </c>
      <c r="Z26" s="54">
        <f>ROUND(('[1]第8,10表元データ'!BR14)/1000,0)</f>
        <v>0</v>
      </c>
      <c r="AA26" s="54">
        <f>ROUND(('[1]第8,10表元データ'!BS14)/1000,0)</f>
        <v>0</v>
      </c>
      <c r="AB26" s="54">
        <f>'[1]第8,10表元データ'!BT14</f>
        <v>0</v>
      </c>
      <c r="AC26" s="54">
        <f>ROUND(('[1]第8,10表元データ'!BU14)/1000,0)</f>
        <v>0</v>
      </c>
      <c r="AD26" s="43">
        <v>59</v>
      </c>
    </row>
    <row r="27" spans="1:30" ht="15" customHeight="1">
      <c r="A27" s="41">
        <v>61</v>
      </c>
      <c r="B27" s="47" t="s">
        <v>75</v>
      </c>
      <c r="C27" s="48">
        <f>'[1]第8,10表元データ'!AX15</f>
        <v>0</v>
      </c>
      <c r="D27" s="48">
        <f>'[1]第8,10表元データ'!AY15</f>
        <v>0</v>
      </c>
      <c r="E27" s="48">
        <f>ROUND(('[1]第8,10表元データ'!AZ15)/1000,0)</f>
        <v>0</v>
      </c>
      <c r="F27" s="48">
        <f>'[1]第8,10表元データ'!BA15</f>
        <v>0</v>
      </c>
      <c r="G27" s="48">
        <f>ROUND(('[1]第8,10表元データ'!BB15)/1000,0)</f>
        <v>0</v>
      </c>
      <c r="H27" s="48">
        <f>'[1]第8,10表元データ'!BC15</f>
        <v>0</v>
      </c>
      <c r="I27" s="48">
        <f>ROUND(('[1]第8,10表元データ'!BD15)/1000,0)</f>
        <v>0</v>
      </c>
      <c r="J27" s="48">
        <f>'[1]第8,10表元データ'!BE15</f>
        <v>0</v>
      </c>
      <c r="K27" s="48">
        <f>ROUND(('[1]第8,10表元データ'!BF15)/1000,0)</f>
        <v>0</v>
      </c>
      <c r="L27" s="48">
        <f>'[1]第8,10表元データ'!BG15</f>
        <v>0</v>
      </c>
      <c r="M27" s="48">
        <f>ROUND(('[1]第8,10表元データ'!BH15)/1000,0)</f>
        <v>0</v>
      </c>
      <c r="N27" s="48">
        <f>'[1]第8,10表元データ'!BI15</f>
        <v>0</v>
      </c>
      <c r="O27" s="48">
        <f>ROUND(('[1]第8,10表元データ'!BJ15)/1000,0)</f>
        <v>0</v>
      </c>
      <c r="P27" s="48">
        <f>'[1]第8,10表元データ'!BK15</f>
        <v>0</v>
      </c>
      <c r="Q27" s="48">
        <f>ROUND(('[1]第8,10表元データ'!BL15)/1000,0)</f>
        <v>0</v>
      </c>
      <c r="R27" s="48">
        <f>'[1]第8,10表元データ'!BM15</f>
        <v>0</v>
      </c>
      <c r="S27" s="48">
        <f>ROUND(('[1]第8,10表元データ'!BN15)/1000,0)</f>
        <v>0</v>
      </c>
      <c r="T27" s="48">
        <f>'[1]第8,10表元データ'!BO15</f>
        <v>0</v>
      </c>
      <c r="U27" s="48">
        <f>ROUND(('[1]第8,10表元データ'!BP15)/1000,0)</f>
        <v>0</v>
      </c>
      <c r="V27" s="41">
        <v>61</v>
      </c>
      <c r="W27" s="47" t="s">
        <v>75</v>
      </c>
      <c r="X27" s="53" t="str">
        <f>IFERROR(ROUND('[1]第8,10表元データ'!BP15/'[1]第8,10表元データ'!C15,0),"－")</f>
        <v>－</v>
      </c>
      <c r="Y27" s="54">
        <f>ROUND(('[1]第8,10表元データ'!BQ15)/1000,0)</f>
        <v>0</v>
      </c>
      <c r="Z27" s="54">
        <f>ROUND(('[1]第8,10表元データ'!BR15)/1000,0)</f>
        <v>0</v>
      </c>
      <c r="AA27" s="54">
        <f>ROUND(('[1]第8,10表元データ'!BS15)/1000,0)</f>
        <v>0</v>
      </c>
      <c r="AB27" s="54">
        <f>'[1]第8,10表元データ'!BT15</f>
        <v>0</v>
      </c>
      <c r="AC27" s="54">
        <f>ROUND(('[1]第8,10表元データ'!BU15)/1000,0)</f>
        <v>0</v>
      </c>
      <c r="AD27" s="43">
        <v>61</v>
      </c>
    </row>
    <row r="28" spans="1:30" ht="15" customHeight="1">
      <c r="A28" s="41">
        <v>81</v>
      </c>
      <c r="B28" s="47" t="s">
        <v>76</v>
      </c>
      <c r="C28" s="48">
        <f>'[1]第8,10表元データ'!AX16</f>
        <v>0</v>
      </c>
      <c r="D28" s="48">
        <f>'[1]第8,10表元データ'!AY16</f>
        <v>0</v>
      </c>
      <c r="E28" s="48">
        <f>ROUND(('[1]第8,10表元データ'!AZ16)/1000,0)</f>
        <v>0</v>
      </c>
      <c r="F28" s="48">
        <f>'[1]第8,10表元データ'!BA16</f>
        <v>0</v>
      </c>
      <c r="G28" s="48">
        <f>ROUND(('[1]第8,10表元データ'!BB16)/1000,0)</f>
        <v>0</v>
      </c>
      <c r="H28" s="48">
        <f>'[1]第8,10表元データ'!BC16</f>
        <v>0</v>
      </c>
      <c r="I28" s="48">
        <f>ROUND(('[1]第8,10表元データ'!BD16)/1000,0)</f>
        <v>0</v>
      </c>
      <c r="J28" s="48">
        <f>'[1]第8,10表元データ'!BE16</f>
        <v>0</v>
      </c>
      <c r="K28" s="48">
        <f>ROUND(('[1]第8,10表元データ'!BF16)/1000,0)</f>
        <v>0</v>
      </c>
      <c r="L28" s="48">
        <f>'[1]第8,10表元データ'!BG16</f>
        <v>0</v>
      </c>
      <c r="M28" s="48">
        <f>ROUND(('[1]第8,10表元データ'!BH16)/1000,0)</f>
        <v>0</v>
      </c>
      <c r="N28" s="48">
        <f>'[1]第8,10表元データ'!BI16</f>
        <v>0</v>
      </c>
      <c r="O28" s="48">
        <f>ROUND(('[1]第8,10表元データ'!BJ16)/1000,0)</f>
        <v>0</v>
      </c>
      <c r="P28" s="48">
        <f>'[1]第8,10表元データ'!BK16</f>
        <v>0</v>
      </c>
      <c r="Q28" s="48">
        <f>ROUND(('[1]第8,10表元データ'!BL16)/1000,0)</f>
        <v>0</v>
      </c>
      <c r="R28" s="48">
        <f>'[1]第8,10表元データ'!BM16</f>
        <v>0</v>
      </c>
      <c r="S28" s="48">
        <f>ROUND(('[1]第8,10表元データ'!BN16)/1000,0)</f>
        <v>0</v>
      </c>
      <c r="T28" s="48">
        <f>'[1]第8,10表元データ'!BO16</f>
        <v>0</v>
      </c>
      <c r="U28" s="48">
        <f>ROUND(('[1]第8,10表元データ'!BP16)/1000,0)</f>
        <v>0</v>
      </c>
      <c r="V28" s="41">
        <v>81</v>
      </c>
      <c r="W28" s="47" t="s">
        <v>76</v>
      </c>
      <c r="X28" s="53" t="str">
        <f>IFERROR(ROUND('[1]第8,10表元データ'!BP16/'[1]第8,10表元データ'!C16,0),"－")</f>
        <v>－</v>
      </c>
      <c r="Y28" s="54">
        <f>ROUND(('[1]第8,10表元データ'!BQ16)/1000,0)</f>
        <v>0</v>
      </c>
      <c r="Z28" s="54">
        <f>ROUND(('[1]第8,10表元データ'!BR16)/1000,0)</f>
        <v>0</v>
      </c>
      <c r="AA28" s="54">
        <f>ROUND(('[1]第8,10表元データ'!BS16)/1000,0)</f>
        <v>0</v>
      </c>
      <c r="AB28" s="54">
        <f>'[1]第8,10表元データ'!BT16</f>
        <v>0</v>
      </c>
      <c r="AC28" s="54">
        <f>ROUND(('[1]第8,10表元データ'!BU16)/1000,0)</f>
        <v>0</v>
      </c>
      <c r="AD28" s="43">
        <v>81</v>
      </c>
    </row>
    <row r="29" spans="1:30" ht="15" customHeight="1">
      <c r="A29" s="41">
        <v>82</v>
      </c>
      <c r="B29" s="47" t="s">
        <v>77</v>
      </c>
      <c r="C29" s="48">
        <f>'[1]第8,10表元データ'!AX17</f>
        <v>0</v>
      </c>
      <c r="D29" s="48">
        <f>'[1]第8,10表元データ'!AY17</f>
        <v>0</v>
      </c>
      <c r="E29" s="48">
        <f>ROUND(('[1]第8,10表元データ'!AZ17)/1000,0)</f>
        <v>0</v>
      </c>
      <c r="F29" s="48">
        <f>'[1]第8,10表元データ'!BA17</f>
        <v>0</v>
      </c>
      <c r="G29" s="48">
        <f>ROUND(('[1]第8,10表元データ'!BB17)/1000,0)</f>
        <v>0</v>
      </c>
      <c r="H29" s="48">
        <f>'[1]第8,10表元データ'!BC17</f>
        <v>0</v>
      </c>
      <c r="I29" s="48">
        <f>ROUND(('[1]第8,10表元データ'!BD17)/1000,0)</f>
        <v>0</v>
      </c>
      <c r="J29" s="48">
        <f>'[1]第8,10表元データ'!BE17</f>
        <v>0</v>
      </c>
      <c r="K29" s="48">
        <f>ROUND(('[1]第8,10表元データ'!BF17)/1000,0)</f>
        <v>0</v>
      </c>
      <c r="L29" s="48">
        <f>'[1]第8,10表元データ'!BG17</f>
        <v>0</v>
      </c>
      <c r="M29" s="48">
        <f>ROUND(('[1]第8,10表元データ'!BH17)/1000,0)</f>
        <v>0</v>
      </c>
      <c r="N29" s="48">
        <f>'[1]第8,10表元データ'!BI17</f>
        <v>0</v>
      </c>
      <c r="O29" s="48">
        <f>ROUND(('[1]第8,10表元データ'!BJ17)/1000,0)</f>
        <v>0</v>
      </c>
      <c r="P29" s="48">
        <f>'[1]第8,10表元データ'!BK17</f>
        <v>0</v>
      </c>
      <c r="Q29" s="48">
        <f>ROUND(('[1]第8,10表元データ'!BL17)/1000,0)</f>
        <v>0</v>
      </c>
      <c r="R29" s="48">
        <f>'[1]第8,10表元データ'!BM17</f>
        <v>0</v>
      </c>
      <c r="S29" s="48">
        <f>ROUND(('[1]第8,10表元データ'!BN17)/1000,0)</f>
        <v>0</v>
      </c>
      <c r="T29" s="48">
        <f>'[1]第8,10表元データ'!BO17</f>
        <v>0</v>
      </c>
      <c r="U29" s="48">
        <f>ROUND(('[1]第8,10表元データ'!BP17)/1000,0)</f>
        <v>0</v>
      </c>
      <c r="V29" s="41">
        <v>82</v>
      </c>
      <c r="W29" s="47" t="s">
        <v>77</v>
      </c>
      <c r="X29" s="53" t="str">
        <f>IFERROR(ROUND('[1]第8,10表元データ'!BP17/'[1]第8,10表元データ'!C17,0),"－")</f>
        <v>－</v>
      </c>
      <c r="Y29" s="54">
        <f>ROUND(('[1]第8,10表元データ'!BQ17)/1000,0)</f>
        <v>0</v>
      </c>
      <c r="Z29" s="54">
        <f>ROUND(('[1]第8,10表元データ'!BR17)/1000,0)</f>
        <v>0</v>
      </c>
      <c r="AA29" s="54">
        <f>ROUND(('[1]第8,10表元データ'!BS17)/1000,0)</f>
        <v>0</v>
      </c>
      <c r="AB29" s="54">
        <f>'[1]第8,10表元データ'!BT17</f>
        <v>0</v>
      </c>
      <c r="AC29" s="54">
        <f>ROUND(('[1]第8,10表元データ'!BU17)/1000,0)</f>
        <v>0</v>
      </c>
      <c r="AD29" s="43">
        <v>82</v>
      </c>
    </row>
    <row r="30" spans="1:30" ht="15" customHeight="1">
      <c r="A30" s="41">
        <v>83</v>
      </c>
      <c r="B30" s="47" t="s">
        <v>78</v>
      </c>
      <c r="C30" s="48">
        <f>'[1]第8,10表元データ'!AX18</f>
        <v>0</v>
      </c>
      <c r="D30" s="48">
        <f>'[1]第8,10表元データ'!AY18</f>
        <v>0</v>
      </c>
      <c r="E30" s="48">
        <f>ROUND(('[1]第8,10表元データ'!AZ18)/1000,0)</f>
        <v>0</v>
      </c>
      <c r="F30" s="48">
        <f>'[1]第8,10表元データ'!BA18</f>
        <v>0</v>
      </c>
      <c r="G30" s="48">
        <f>ROUND(('[1]第8,10表元データ'!BB18)/1000,0)</f>
        <v>0</v>
      </c>
      <c r="H30" s="48">
        <f>'[1]第8,10表元データ'!BC18</f>
        <v>0</v>
      </c>
      <c r="I30" s="48">
        <f>ROUND(('[1]第8,10表元データ'!BD18)/1000,0)</f>
        <v>0</v>
      </c>
      <c r="J30" s="48">
        <f>'[1]第8,10表元データ'!BE18</f>
        <v>0</v>
      </c>
      <c r="K30" s="48">
        <f>ROUND(('[1]第8,10表元データ'!BF18)/1000,0)</f>
        <v>0</v>
      </c>
      <c r="L30" s="48">
        <f>'[1]第8,10表元データ'!BG18</f>
        <v>0</v>
      </c>
      <c r="M30" s="48">
        <f>ROUND(('[1]第8,10表元データ'!BH18)/1000,0)</f>
        <v>0</v>
      </c>
      <c r="N30" s="48">
        <f>'[1]第8,10表元データ'!BI18</f>
        <v>0</v>
      </c>
      <c r="O30" s="48">
        <f>ROUND(('[1]第8,10表元データ'!BJ18)/1000,0)</f>
        <v>0</v>
      </c>
      <c r="P30" s="48">
        <f>'[1]第8,10表元データ'!BK18</f>
        <v>0</v>
      </c>
      <c r="Q30" s="48">
        <f>ROUND(('[1]第8,10表元データ'!BL18)/1000,0)</f>
        <v>0</v>
      </c>
      <c r="R30" s="48">
        <f>'[1]第8,10表元データ'!BM18</f>
        <v>0</v>
      </c>
      <c r="S30" s="48">
        <f>ROUND(('[1]第8,10表元データ'!BN18)/1000,0)</f>
        <v>0</v>
      </c>
      <c r="T30" s="48">
        <f>'[1]第8,10表元データ'!BO18</f>
        <v>0</v>
      </c>
      <c r="U30" s="48">
        <f>ROUND(('[1]第8,10表元データ'!BP18)/1000,0)</f>
        <v>0</v>
      </c>
      <c r="V30" s="41">
        <v>83</v>
      </c>
      <c r="W30" s="47" t="s">
        <v>78</v>
      </c>
      <c r="X30" s="53" t="str">
        <f>IFERROR(ROUND('[1]第8,10表元データ'!BP18/'[1]第8,10表元データ'!C18,0),"－")</f>
        <v>－</v>
      </c>
      <c r="Y30" s="54">
        <f>ROUND(('[1]第8,10表元データ'!BQ18)/1000,0)</f>
        <v>0</v>
      </c>
      <c r="Z30" s="54">
        <f>ROUND(('[1]第8,10表元データ'!BR18)/1000,0)</f>
        <v>0</v>
      </c>
      <c r="AA30" s="54">
        <f>ROUND(('[1]第8,10表元データ'!BS18)/1000,0)</f>
        <v>0</v>
      </c>
      <c r="AB30" s="54">
        <f>'[1]第8,10表元データ'!BT18</f>
        <v>0</v>
      </c>
      <c r="AC30" s="54">
        <f>ROUND(('[1]第8,10表元データ'!BU18)/1000,0)</f>
        <v>0</v>
      </c>
      <c r="AD30" s="43">
        <v>83</v>
      </c>
    </row>
    <row r="31" spans="1:30" ht="15" customHeight="1">
      <c r="A31" s="41">
        <v>84</v>
      </c>
      <c r="B31" s="47" t="s">
        <v>79</v>
      </c>
      <c r="C31" s="48">
        <f>'[1]第8,10表元データ'!AX19</f>
        <v>0</v>
      </c>
      <c r="D31" s="48">
        <f>'[1]第8,10表元データ'!AY19</f>
        <v>0</v>
      </c>
      <c r="E31" s="48">
        <f>ROUND(('[1]第8,10表元データ'!AZ19)/1000,0)</f>
        <v>0</v>
      </c>
      <c r="F31" s="48">
        <f>'[1]第8,10表元データ'!BA19</f>
        <v>0</v>
      </c>
      <c r="G31" s="48">
        <f>ROUND(('[1]第8,10表元データ'!BB19)/1000,0)</f>
        <v>0</v>
      </c>
      <c r="H31" s="48">
        <f>'[1]第8,10表元データ'!BC19</f>
        <v>0</v>
      </c>
      <c r="I31" s="48">
        <f>ROUND(('[1]第8,10表元データ'!BD19)/1000,0)</f>
        <v>0</v>
      </c>
      <c r="J31" s="48">
        <f>'[1]第8,10表元データ'!BE19</f>
        <v>0</v>
      </c>
      <c r="K31" s="48">
        <f>ROUND(('[1]第8,10表元データ'!BF19)/1000,0)</f>
        <v>0</v>
      </c>
      <c r="L31" s="48">
        <f>'[1]第8,10表元データ'!BG19</f>
        <v>0</v>
      </c>
      <c r="M31" s="48">
        <f>ROUND(('[1]第8,10表元データ'!BH19)/1000,0)</f>
        <v>0</v>
      </c>
      <c r="N31" s="48">
        <f>'[1]第8,10表元データ'!BI19</f>
        <v>0</v>
      </c>
      <c r="O31" s="48">
        <f>ROUND(('[1]第8,10表元データ'!BJ19)/1000,0)</f>
        <v>0</v>
      </c>
      <c r="P31" s="48">
        <f>'[1]第8,10表元データ'!BK19</f>
        <v>0</v>
      </c>
      <c r="Q31" s="48">
        <f>ROUND(('[1]第8,10表元データ'!BL19)/1000,0)</f>
        <v>0</v>
      </c>
      <c r="R31" s="48">
        <f>'[1]第8,10表元データ'!BM19</f>
        <v>0</v>
      </c>
      <c r="S31" s="48">
        <f>ROUND(('[1]第8,10表元データ'!BN19)/1000,0)</f>
        <v>0</v>
      </c>
      <c r="T31" s="48">
        <f>'[1]第8,10表元データ'!BO19</f>
        <v>0</v>
      </c>
      <c r="U31" s="48">
        <f>ROUND(('[1]第8,10表元データ'!BP19)/1000,0)</f>
        <v>0</v>
      </c>
      <c r="V31" s="41">
        <v>84</v>
      </c>
      <c r="W31" s="47" t="s">
        <v>79</v>
      </c>
      <c r="X31" s="53" t="str">
        <f>IFERROR(ROUND('[1]第8,10表元データ'!BP19/'[1]第8,10表元データ'!C19,0),"－")</f>
        <v>－</v>
      </c>
      <c r="Y31" s="54">
        <f>ROUND(('[1]第8,10表元データ'!BQ19)/1000,0)</f>
        <v>0</v>
      </c>
      <c r="Z31" s="54">
        <f>ROUND(('[1]第8,10表元データ'!BR19)/1000,0)</f>
        <v>0</v>
      </c>
      <c r="AA31" s="54">
        <f>ROUND(('[1]第8,10表元データ'!BS19)/1000,0)</f>
        <v>0</v>
      </c>
      <c r="AB31" s="54">
        <f>'[1]第8,10表元データ'!BT19</f>
        <v>0</v>
      </c>
      <c r="AC31" s="54">
        <f>ROUND(('[1]第8,10表元データ'!BU19)/1000,0)</f>
        <v>0</v>
      </c>
      <c r="AD31" s="43">
        <v>84</v>
      </c>
    </row>
    <row r="32" spans="1:30" ht="15" customHeight="1">
      <c r="A32" s="41">
        <v>85</v>
      </c>
      <c r="B32" s="47" t="s">
        <v>80</v>
      </c>
      <c r="C32" s="48">
        <f>'[1]第8,10表元データ'!AX20</f>
        <v>0</v>
      </c>
      <c r="D32" s="48">
        <f>'[1]第8,10表元データ'!AY20</f>
        <v>0</v>
      </c>
      <c r="E32" s="48">
        <f>ROUND(('[1]第8,10表元データ'!AZ20)/1000,0)</f>
        <v>0</v>
      </c>
      <c r="F32" s="48">
        <f>'[1]第8,10表元データ'!BA20</f>
        <v>0</v>
      </c>
      <c r="G32" s="48">
        <f>ROUND(('[1]第8,10表元データ'!BB20)/1000,0)</f>
        <v>0</v>
      </c>
      <c r="H32" s="48">
        <f>'[1]第8,10表元データ'!BC20</f>
        <v>0</v>
      </c>
      <c r="I32" s="48">
        <f>ROUND(('[1]第8,10表元データ'!BD20)/1000,0)</f>
        <v>0</v>
      </c>
      <c r="J32" s="48">
        <f>'[1]第8,10表元データ'!BE20</f>
        <v>0</v>
      </c>
      <c r="K32" s="48">
        <f>ROUND(('[1]第8,10表元データ'!BF20)/1000,0)</f>
        <v>0</v>
      </c>
      <c r="L32" s="48">
        <f>'[1]第8,10表元データ'!BG20</f>
        <v>0</v>
      </c>
      <c r="M32" s="48">
        <f>ROUND(('[1]第8,10表元データ'!BH20)/1000,0)</f>
        <v>0</v>
      </c>
      <c r="N32" s="48">
        <f>'[1]第8,10表元データ'!BI20</f>
        <v>0</v>
      </c>
      <c r="O32" s="48">
        <f>ROUND(('[1]第8,10表元データ'!BJ20)/1000,0)</f>
        <v>0</v>
      </c>
      <c r="P32" s="48">
        <f>'[1]第8,10表元データ'!BK20</f>
        <v>0</v>
      </c>
      <c r="Q32" s="48">
        <f>ROUND(('[1]第8,10表元データ'!BL20)/1000,0)</f>
        <v>0</v>
      </c>
      <c r="R32" s="48">
        <f>'[1]第8,10表元データ'!BM20</f>
        <v>0</v>
      </c>
      <c r="S32" s="48">
        <f>ROUND(('[1]第8,10表元データ'!BN20)/1000,0)</f>
        <v>0</v>
      </c>
      <c r="T32" s="48">
        <f>'[1]第8,10表元データ'!BO20</f>
        <v>0</v>
      </c>
      <c r="U32" s="48">
        <f>ROUND(('[1]第8,10表元データ'!BP20)/1000,0)</f>
        <v>0</v>
      </c>
      <c r="V32" s="41">
        <v>85</v>
      </c>
      <c r="W32" s="47" t="s">
        <v>80</v>
      </c>
      <c r="X32" s="53" t="str">
        <f>IFERROR(ROUND('[1]第8,10表元データ'!BP20/'[1]第8,10表元データ'!C20,0),"－")</f>
        <v>－</v>
      </c>
      <c r="Y32" s="54">
        <f>ROUND(('[1]第8,10表元データ'!BQ20)/1000,0)</f>
        <v>0</v>
      </c>
      <c r="Z32" s="54">
        <f>ROUND(('[1]第8,10表元データ'!BR20)/1000,0)</f>
        <v>0</v>
      </c>
      <c r="AA32" s="54">
        <f>ROUND(('[1]第8,10表元データ'!BS20)/1000,0)</f>
        <v>0</v>
      </c>
      <c r="AB32" s="54">
        <f>'[1]第8,10表元データ'!BT20</f>
        <v>0</v>
      </c>
      <c r="AC32" s="54">
        <f>ROUND(('[1]第8,10表元データ'!BU20)/1000,0)</f>
        <v>0</v>
      </c>
      <c r="AD32" s="43">
        <v>85</v>
      </c>
    </row>
    <row r="33" spans="1:30" ht="15" customHeight="1">
      <c r="A33" s="41">
        <v>86</v>
      </c>
      <c r="B33" s="47" t="s">
        <v>81</v>
      </c>
      <c r="C33" s="48">
        <f>'[1]第8,10表元データ'!AX21</f>
        <v>0</v>
      </c>
      <c r="D33" s="48">
        <f>'[1]第8,10表元データ'!AY21</f>
        <v>0</v>
      </c>
      <c r="E33" s="48">
        <f>ROUND(('[1]第8,10表元データ'!AZ21)/1000,0)</f>
        <v>0</v>
      </c>
      <c r="F33" s="48">
        <f>'[1]第8,10表元データ'!BA21</f>
        <v>0</v>
      </c>
      <c r="G33" s="48">
        <f>ROUND(('[1]第8,10表元データ'!BB21)/1000,0)</f>
        <v>0</v>
      </c>
      <c r="H33" s="48">
        <f>'[1]第8,10表元データ'!BC21</f>
        <v>0</v>
      </c>
      <c r="I33" s="48">
        <f>ROUND(('[1]第8,10表元データ'!BD21)/1000,0)</f>
        <v>0</v>
      </c>
      <c r="J33" s="48">
        <f>'[1]第8,10表元データ'!BE21</f>
        <v>0</v>
      </c>
      <c r="K33" s="48">
        <f>ROUND(('[1]第8,10表元データ'!BF21)/1000,0)</f>
        <v>0</v>
      </c>
      <c r="L33" s="48">
        <f>'[1]第8,10表元データ'!BG21</f>
        <v>0</v>
      </c>
      <c r="M33" s="48">
        <f>ROUND(('[1]第8,10表元データ'!BH21)/1000,0)</f>
        <v>0</v>
      </c>
      <c r="N33" s="48">
        <f>'[1]第8,10表元データ'!BI21</f>
        <v>0</v>
      </c>
      <c r="O33" s="48">
        <f>ROUND(('[1]第8,10表元データ'!BJ21)/1000,0)</f>
        <v>0</v>
      </c>
      <c r="P33" s="48">
        <f>'[1]第8,10表元データ'!BK21</f>
        <v>0</v>
      </c>
      <c r="Q33" s="48">
        <f>ROUND(('[1]第8,10表元データ'!BL21)/1000,0)</f>
        <v>0</v>
      </c>
      <c r="R33" s="48">
        <f>'[1]第8,10表元データ'!BM21</f>
        <v>0</v>
      </c>
      <c r="S33" s="48">
        <f>ROUND(('[1]第8,10表元データ'!BN21)/1000,0)</f>
        <v>0</v>
      </c>
      <c r="T33" s="48">
        <f>'[1]第8,10表元データ'!BO21</f>
        <v>0</v>
      </c>
      <c r="U33" s="48">
        <f>ROUND(('[1]第8,10表元データ'!BP21)/1000,0)</f>
        <v>0</v>
      </c>
      <c r="V33" s="41">
        <v>86</v>
      </c>
      <c r="W33" s="47" t="s">
        <v>81</v>
      </c>
      <c r="X33" s="53" t="str">
        <f>IFERROR(ROUND('[1]第8,10表元データ'!BP21/'[1]第8,10表元データ'!C21,0),"－")</f>
        <v>－</v>
      </c>
      <c r="Y33" s="54">
        <f>ROUND(('[1]第8,10表元データ'!BQ21)/1000,0)</f>
        <v>0</v>
      </c>
      <c r="Z33" s="54">
        <f>ROUND(('[1]第8,10表元データ'!BR21)/1000,0)</f>
        <v>0</v>
      </c>
      <c r="AA33" s="54">
        <f>ROUND(('[1]第8,10表元データ'!BS21)/1000,0)</f>
        <v>0</v>
      </c>
      <c r="AB33" s="54">
        <f>'[1]第8,10表元データ'!BT21</f>
        <v>0</v>
      </c>
      <c r="AC33" s="54">
        <f>ROUND(('[1]第8,10表元データ'!BU21)/1000,0)</f>
        <v>0</v>
      </c>
      <c r="AD33" s="43">
        <v>86</v>
      </c>
    </row>
    <row r="34" spans="1:30" ht="15" customHeight="1">
      <c r="A34" s="37"/>
      <c r="B34" s="45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7"/>
      <c r="W34" s="45"/>
      <c r="X34" s="50"/>
      <c r="Y34" s="50"/>
      <c r="Z34" s="50"/>
      <c r="AA34" s="50"/>
      <c r="AB34" s="50"/>
      <c r="AC34" s="50"/>
      <c r="AD34" s="40"/>
    </row>
    <row r="35" spans="1:30" ht="15" customHeight="1">
      <c r="A35" s="37">
        <v>301</v>
      </c>
      <c r="B35" s="45" t="s">
        <v>82</v>
      </c>
      <c r="C35" s="49" t="s">
        <v>62</v>
      </c>
      <c r="D35" s="49" t="s">
        <v>62</v>
      </c>
      <c r="E35" s="49" t="s">
        <v>62</v>
      </c>
      <c r="F35" s="49" t="s">
        <v>62</v>
      </c>
      <c r="G35" s="49" t="s">
        <v>62</v>
      </c>
      <c r="H35" s="49" t="s">
        <v>62</v>
      </c>
      <c r="I35" s="49" t="s">
        <v>62</v>
      </c>
      <c r="J35" s="49" t="s">
        <v>62</v>
      </c>
      <c r="K35" s="49" t="s">
        <v>62</v>
      </c>
      <c r="L35" s="49" t="s">
        <v>62</v>
      </c>
      <c r="M35" s="49" t="s">
        <v>62</v>
      </c>
      <c r="N35" s="49" t="s">
        <v>62</v>
      </c>
      <c r="O35" s="49" t="s">
        <v>62</v>
      </c>
      <c r="P35" s="49" t="s">
        <v>62</v>
      </c>
      <c r="Q35" s="49" t="s">
        <v>62</v>
      </c>
      <c r="R35" s="49" t="s">
        <v>62</v>
      </c>
      <c r="S35" s="49" t="s">
        <v>62</v>
      </c>
      <c r="T35" s="49" t="s">
        <v>62</v>
      </c>
      <c r="U35" s="49" t="s">
        <v>62</v>
      </c>
      <c r="V35" s="37">
        <v>301</v>
      </c>
      <c r="W35" s="45" t="s">
        <v>82</v>
      </c>
      <c r="X35" s="55" t="s">
        <v>62</v>
      </c>
      <c r="Y35" s="55" t="s">
        <v>62</v>
      </c>
      <c r="Z35" s="55" t="s">
        <v>62</v>
      </c>
      <c r="AA35" s="55" t="s">
        <v>62</v>
      </c>
      <c r="AB35" s="55" t="s">
        <v>62</v>
      </c>
      <c r="AC35" s="55" t="s">
        <v>62</v>
      </c>
      <c r="AD35" s="40">
        <v>301</v>
      </c>
    </row>
    <row r="36" spans="1:30" ht="15" customHeight="1">
      <c r="A36" s="37"/>
      <c r="B36" s="45"/>
      <c r="C36" s="39"/>
      <c r="D36" s="39"/>
      <c r="E36" s="39"/>
      <c r="F36" s="39"/>
      <c r="G36" s="39"/>
      <c r="H36" s="39"/>
      <c r="I36" s="39"/>
      <c r="J36" s="39"/>
      <c r="K36" s="39"/>
      <c r="L36" s="39"/>
      <c r="M36" s="39"/>
      <c r="N36" s="39"/>
      <c r="O36" s="39"/>
      <c r="P36" s="39"/>
      <c r="Q36" s="39"/>
      <c r="R36" s="39"/>
      <c r="S36" s="39"/>
      <c r="T36" s="39"/>
      <c r="U36" s="39"/>
      <c r="V36" s="37"/>
      <c r="W36" s="45"/>
      <c r="X36" s="50"/>
      <c r="Y36" s="50"/>
      <c r="Z36" s="50"/>
      <c r="AA36" s="50"/>
      <c r="AB36" s="50"/>
      <c r="AC36" s="50"/>
      <c r="AD36" s="40"/>
    </row>
  </sheetData>
  <mergeCells count="35">
    <mergeCell ref="R9:S9"/>
    <mergeCell ref="Y9:Y10"/>
    <mergeCell ref="Z9:Z10"/>
    <mergeCell ref="AA9:AA10"/>
    <mergeCell ref="AB9:AC9"/>
    <mergeCell ref="Y8:AA8"/>
    <mergeCell ref="AB8:AC8"/>
    <mergeCell ref="AD8:AD10"/>
    <mergeCell ref="D9:E9"/>
    <mergeCell ref="F9:G9"/>
    <mergeCell ref="H9:I9"/>
    <mergeCell ref="J9:K9"/>
    <mergeCell ref="L9:M9"/>
    <mergeCell ref="N9:O9"/>
    <mergeCell ref="P9:Q9"/>
    <mergeCell ref="P3:Q3"/>
    <mergeCell ref="R3:S3"/>
    <mergeCell ref="Y3:Y4"/>
    <mergeCell ref="AB3:AC3"/>
    <mergeCell ref="A8:A10"/>
    <mergeCell ref="B8:B10"/>
    <mergeCell ref="C8:S8"/>
    <mergeCell ref="T8:U9"/>
    <mergeCell ref="V8:V10"/>
    <mergeCell ref="W8:W10"/>
    <mergeCell ref="C2:S2"/>
    <mergeCell ref="T2:U3"/>
    <mergeCell ref="Y2:AA2"/>
    <mergeCell ref="AB2:AC2"/>
    <mergeCell ref="D3:E3"/>
    <mergeCell ref="F3:G3"/>
    <mergeCell ref="H3:I3"/>
    <mergeCell ref="J3:K3"/>
    <mergeCell ref="L3:M3"/>
    <mergeCell ref="N3:O3"/>
  </mergeCells>
  <phoneticPr fontId="2"/>
  <pageMargins left="0.78740157480314965" right="0.78740157480314965" top="0.98425196850393704" bottom="0.98425196850393704" header="0.51181102362204722" footer="0.31496062992125984"/>
  <pageSetup paperSize="9" scale="79" orientation="landscape" r:id="rId1"/>
  <headerFooter alignWithMargins="0"/>
  <colBreaks count="1" manualBreakCount="1">
    <brk id="21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8-4</vt:lpstr>
      <vt:lpstr>'sheet8-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34:51Z</dcterms:created>
  <dcterms:modified xsi:type="dcterms:W3CDTF">2025-10-30T06:35:55Z</dcterms:modified>
</cp:coreProperties>
</file>